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31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001567\Downloads\"/>
    </mc:Choice>
  </mc:AlternateContent>
  <xr:revisionPtr revIDLastSave="0" documentId="13_ncr:1_{CB89875E-9C99-4876-B6DA-27F959A69187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宿泊案内" sheetId="5" r:id="rId1"/>
    <sheet name="ホテルリスト" sheetId="1" state="hidden" r:id="rId2"/>
  </sheets>
  <definedNames>
    <definedName name="_xlnm.Print_Area" localSheetId="0">宿泊案内!$A$1:$J$73</definedName>
  </definedNames>
  <calcPr calcId="152511"/>
</workbook>
</file>

<file path=xl/sharedStrings.xml><?xml version="1.0" encoding="utf-8"?>
<sst xmlns="http://schemas.openxmlformats.org/spreadsheetml/2006/main" count="549" uniqueCount="335">
  <si>
    <t>ホテル・旅館名</t>
    <rPh sb="4" eb="6">
      <t>リョカン</t>
    </rPh>
    <rPh sb="6" eb="7">
      <t>メイ</t>
    </rPh>
    <phoneticPr fontId="1"/>
  </si>
  <si>
    <t>部屋タイプ</t>
    <rPh sb="0" eb="2">
      <t>ヘヤ</t>
    </rPh>
    <phoneticPr fontId="1"/>
  </si>
  <si>
    <t>１泊２食</t>
    <rPh sb="1" eb="2">
      <t>パク</t>
    </rPh>
    <rPh sb="3" eb="4">
      <t>ショク</t>
    </rPh>
    <phoneticPr fontId="1"/>
  </si>
  <si>
    <t>１泊朝食</t>
    <rPh sb="1" eb="2">
      <t>パク</t>
    </rPh>
    <rPh sb="2" eb="4">
      <t>チョウショク</t>
    </rPh>
    <phoneticPr fontId="1"/>
  </si>
  <si>
    <t>球磨川旅館</t>
    <rPh sb="0" eb="3">
      <t>クマガワ</t>
    </rPh>
    <rPh sb="3" eb="5">
      <t>リョカン</t>
    </rPh>
    <phoneticPr fontId="1"/>
  </si>
  <si>
    <t>ホテル・旅館設備</t>
    <rPh sb="4" eb="6">
      <t>リョカン</t>
    </rPh>
    <rPh sb="6" eb="8">
      <t>セツビ</t>
    </rPh>
    <phoneticPr fontId="1"/>
  </si>
  <si>
    <t>大浴場</t>
    <rPh sb="0" eb="3">
      <t>ダイヨクジョウ</t>
    </rPh>
    <phoneticPr fontId="1"/>
  </si>
  <si>
    <t>コインランドリー</t>
    <phoneticPr fontId="1"/>
  </si>
  <si>
    <t>駐車場</t>
    <rPh sb="0" eb="3">
      <t>チュウシャジョウ</t>
    </rPh>
    <phoneticPr fontId="1"/>
  </si>
  <si>
    <t>バス駐車場</t>
    <rPh sb="2" eb="5">
      <t>チュウシャジョウ</t>
    </rPh>
    <phoneticPr fontId="1"/>
  </si>
  <si>
    <t>送迎バス</t>
    <rPh sb="0" eb="2">
      <t>ソウゲイ</t>
    </rPh>
    <phoneticPr fontId="1"/>
  </si>
  <si>
    <t>八代市萩原町1-2-1</t>
    <rPh sb="0" eb="3">
      <t>ヤツシロシ</t>
    </rPh>
    <rPh sb="3" eb="5">
      <t>ハギワラ</t>
    </rPh>
    <rPh sb="5" eb="6">
      <t>マチ</t>
    </rPh>
    <phoneticPr fontId="1"/>
  </si>
  <si>
    <t>総合体育館より車で３分</t>
    <rPh sb="0" eb="2">
      <t>ソウゴウ</t>
    </rPh>
    <rPh sb="2" eb="5">
      <t>タイイクカン</t>
    </rPh>
    <rPh sb="7" eb="8">
      <t>クルマ</t>
    </rPh>
    <rPh sb="10" eb="11">
      <t>フン</t>
    </rPh>
    <phoneticPr fontId="1"/>
  </si>
  <si>
    <t>あり</t>
    <phoneticPr fontId="1"/>
  </si>
  <si>
    <t>シングル</t>
    <phoneticPr fontId="1"/>
  </si>
  <si>
    <t>チェックイン</t>
    <phoneticPr fontId="1"/>
  </si>
  <si>
    <t>チェックアウト</t>
    <phoneticPr fontId="1"/>
  </si>
  <si>
    <t>なし</t>
    <phoneticPr fontId="1"/>
  </si>
  <si>
    <t>あり</t>
    <phoneticPr fontId="1"/>
  </si>
  <si>
    <t>最大80台</t>
    <rPh sb="0" eb="2">
      <t>サイダイ</t>
    </rPh>
    <rPh sb="4" eb="5">
      <t>ダイ</t>
    </rPh>
    <phoneticPr fontId="1"/>
  </si>
  <si>
    <t>八代市旭中央通23-1</t>
    <rPh sb="0" eb="3">
      <t>ヤツシロシ</t>
    </rPh>
    <rPh sb="3" eb="4">
      <t>アサヒ</t>
    </rPh>
    <rPh sb="4" eb="6">
      <t>チュウオウ</t>
    </rPh>
    <rPh sb="6" eb="7">
      <t>ドオ</t>
    </rPh>
    <phoneticPr fontId="1"/>
  </si>
  <si>
    <t>総合体育館より徒歩8分</t>
    <rPh sb="0" eb="5">
      <t>ソウゴウタイイクカン</t>
    </rPh>
    <rPh sb="7" eb="9">
      <t>トホ</t>
    </rPh>
    <rPh sb="10" eb="11">
      <t>フン</t>
    </rPh>
    <phoneticPr fontId="1"/>
  </si>
  <si>
    <t>最大２台</t>
    <rPh sb="0" eb="2">
      <t>サイダイ</t>
    </rPh>
    <rPh sb="3" eb="4">
      <t>ダイ</t>
    </rPh>
    <phoneticPr fontId="1"/>
  </si>
  <si>
    <t>八代グランドホテル</t>
    <rPh sb="0" eb="2">
      <t>ヤツシロ</t>
    </rPh>
    <phoneticPr fontId="1"/>
  </si>
  <si>
    <t>八代市旭中央通10-1</t>
    <rPh sb="0" eb="3">
      <t>ヤツシロシ</t>
    </rPh>
    <rPh sb="3" eb="4">
      <t>アサヒ</t>
    </rPh>
    <rPh sb="4" eb="6">
      <t>チュウオウ</t>
    </rPh>
    <rPh sb="6" eb="7">
      <t>ドオ</t>
    </rPh>
    <phoneticPr fontId="1"/>
  </si>
  <si>
    <t>総合体育館より徒歩5分</t>
    <rPh sb="0" eb="5">
      <t>ソウゴウタイイクカン</t>
    </rPh>
    <rPh sb="7" eb="9">
      <t>トホ</t>
    </rPh>
    <rPh sb="10" eb="11">
      <t>フン</t>
    </rPh>
    <phoneticPr fontId="1"/>
  </si>
  <si>
    <t>最大10台</t>
    <rPh sb="0" eb="2">
      <t>サイダイ</t>
    </rPh>
    <rPh sb="4" eb="5">
      <t>ダイ</t>
    </rPh>
    <phoneticPr fontId="1"/>
  </si>
  <si>
    <t>最大1台</t>
    <rPh sb="0" eb="2">
      <t>サイダイ</t>
    </rPh>
    <rPh sb="3" eb="4">
      <t>ダイ</t>
    </rPh>
    <phoneticPr fontId="1"/>
  </si>
  <si>
    <t>八代郡氷川町今137-1</t>
    <rPh sb="0" eb="3">
      <t>ヤツシログン</t>
    </rPh>
    <rPh sb="3" eb="5">
      <t>ヒカワ</t>
    </rPh>
    <rPh sb="5" eb="6">
      <t>マチ</t>
    </rPh>
    <rPh sb="6" eb="7">
      <t>イマ</t>
    </rPh>
    <phoneticPr fontId="1"/>
  </si>
  <si>
    <t>総合体育館より車で15分</t>
    <rPh sb="0" eb="5">
      <t>ソウゴウタイイクカン</t>
    </rPh>
    <rPh sb="7" eb="8">
      <t>クルマ</t>
    </rPh>
    <rPh sb="11" eb="12">
      <t>フン</t>
    </rPh>
    <phoneticPr fontId="1"/>
  </si>
  <si>
    <t>八代地区</t>
    <rPh sb="0" eb="2">
      <t>ヤツシロ</t>
    </rPh>
    <rPh sb="2" eb="4">
      <t>チク</t>
    </rPh>
    <phoneticPr fontId="1"/>
  </si>
  <si>
    <t>旅館　宝泉</t>
    <rPh sb="0" eb="2">
      <t>リョカン</t>
    </rPh>
    <rPh sb="3" eb="4">
      <t>タカラ</t>
    </rPh>
    <rPh sb="4" eb="5">
      <t>イズミ</t>
    </rPh>
    <phoneticPr fontId="1"/>
  </si>
  <si>
    <t>八代市日奈久中町522</t>
    <rPh sb="0" eb="3">
      <t>ヤツシロシ</t>
    </rPh>
    <rPh sb="3" eb="6">
      <t>ヒナグ</t>
    </rPh>
    <rPh sb="6" eb="8">
      <t>ナカマチ</t>
    </rPh>
    <phoneticPr fontId="1"/>
  </si>
  <si>
    <t>最大2台</t>
    <rPh sb="0" eb="2">
      <t>サイダイ</t>
    </rPh>
    <rPh sb="3" eb="4">
      <t>ダイ</t>
    </rPh>
    <phoneticPr fontId="1"/>
  </si>
  <si>
    <t>電話番号</t>
    <rPh sb="0" eb="2">
      <t>デンワ</t>
    </rPh>
    <rPh sb="2" eb="4">
      <t>バンゴウ</t>
    </rPh>
    <phoneticPr fontId="1"/>
  </si>
  <si>
    <t>ＦＡＸ</t>
    <phoneticPr fontId="1"/>
  </si>
  <si>
    <t>日奈久温泉地区</t>
    <rPh sb="0" eb="3">
      <t>ヒナグ</t>
    </rPh>
    <rPh sb="3" eb="5">
      <t>オンセン</t>
    </rPh>
    <rPh sb="5" eb="7">
      <t>チク</t>
    </rPh>
    <phoneticPr fontId="1"/>
  </si>
  <si>
    <t>0965-38-0823</t>
    <phoneticPr fontId="1"/>
  </si>
  <si>
    <t>0965-62-1300</t>
    <phoneticPr fontId="1"/>
  </si>
  <si>
    <t>0965-62-1222</t>
    <phoneticPr fontId="1"/>
  </si>
  <si>
    <t>0965-32-2111</t>
    <phoneticPr fontId="1"/>
  </si>
  <si>
    <t>0965-34-8802</t>
    <phoneticPr fontId="1"/>
  </si>
  <si>
    <t>0965-32-0711</t>
    <phoneticPr fontId="1"/>
  </si>
  <si>
    <t>0965-33-5658</t>
    <phoneticPr fontId="1"/>
  </si>
  <si>
    <t>0965-32-2015</t>
    <phoneticPr fontId="1"/>
  </si>
  <si>
    <t>0965-35-0366</t>
    <phoneticPr fontId="1"/>
  </si>
  <si>
    <t>6畳（3人）</t>
    <rPh sb="1" eb="2">
      <t>ジョウ</t>
    </rPh>
    <rPh sb="4" eb="5">
      <t>ニン</t>
    </rPh>
    <phoneticPr fontId="1"/>
  </si>
  <si>
    <t>12畳（5人）</t>
    <rPh sb="2" eb="3">
      <t>ジョウ</t>
    </rPh>
    <rPh sb="5" eb="6">
      <t>ニン</t>
    </rPh>
    <phoneticPr fontId="1"/>
  </si>
  <si>
    <t>最大受け入れ数</t>
    <rPh sb="0" eb="2">
      <t>サイダイ</t>
    </rPh>
    <rPh sb="2" eb="3">
      <t>ウ</t>
    </rPh>
    <rPh sb="4" eb="5">
      <t>イ</t>
    </rPh>
    <rPh sb="6" eb="7">
      <t>スウ</t>
    </rPh>
    <phoneticPr fontId="1"/>
  </si>
  <si>
    <t>総合体育館より車で3分</t>
    <rPh sb="0" eb="2">
      <t>ソウゴウ</t>
    </rPh>
    <rPh sb="2" eb="5">
      <t>タイイクカン</t>
    </rPh>
    <rPh sb="7" eb="8">
      <t>クルマ</t>
    </rPh>
    <rPh sb="10" eb="11">
      <t>フン</t>
    </rPh>
    <phoneticPr fontId="1"/>
  </si>
  <si>
    <t>定員</t>
    <rPh sb="0" eb="2">
      <t>テイイン</t>
    </rPh>
    <phoneticPr fontId="1"/>
  </si>
  <si>
    <t>ＴＥＬ：0965-32-0711</t>
    <phoneticPr fontId="1"/>
  </si>
  <si>
    <t>ＴＥＬ：0965-32-2111</t>
    <phoneticPr fontId="1"/>
  </si>
  <si>
    <t>ＴＥＬ：0965-62-1300</t>
    <phoneticPr fontId="1"/>
  </si>
  <si>
    <t>ＴＥＬ：0965-38-0823</t>
    <phoneticPr fontId="1"/>
  </si>
  <si>
    <t>無し</t>
  </si>
  <si>
    <t>小　　人</t>
    <rPh sb="0" eb="1">
      <t>コ</t>
    </rPh>
    <rPh sb="3" eb="4">
      <t>ヒト</t>
    </rPh>
    <phoneticPr fontId="1"/>
  </si>
  <si>
    <t>大　　人</t>
    <rPh sb="0" eb="1">
      <t>ダイ</t>
    </rPh>
    <rPh sb="3" eb="4">
      <t>ニン</t>
    </rPh>
    <phoneticPr fontId="1"/>
  </si>
  <si>
    <t>申込番号</t>
    <rPh sb="0" eb="2">
      <t>モウシコミ</t>
    </rPh>
    <rPh sb="2" eb="4">
      <t>バンゴウ</t>
    </rPh>
    <phoneticPr fontId="1"/>
  </si>
  <si>
    <t>ホテルウィング熊本八代</t>
    <rPh sb="7" eb="9">
      <t>クマモト</t>
    </rPh>
    <rPh sb="9" eb="11">
      <t>ヤツシロ</t>
    </rPh>
    <phoneticPr fontId="1"/>
  </si>
  <si>
    <t>8畳（3～4名）</t>
    <rPh sb="1" eb="2">
      <t>ジョウ</t>
    </rPh>
    <rPh sb="6" eb="7">
      <t>メイ</t>
    </rPh>
    <phoneticPr fontId="1"/>
  </si>
  <si>
    <t>総合体育館より車で25分</t>
    <rPh sb="0" eb="5">
      <t>ソウゴウタイイクカン</t>
    </rPh>
    <rPh sb="7" eb="8">
      <t>クルマ</t>
    </rPh>
    <rPh sb="11" eb="12">
      <t>フン</t>
    </rPh>
    <phoneticPr fontId="1"/>
  </si>
  <si>
    <t>総合体育館より車で25分</t>
    <rPh sb="0" eb="2">
      <t>ソウゴウ</t>
    </rPh>
    <rPh sb="2" eb="5">
      <t>タイイクカン</t>
    </rPh>
    <rPh sb="7" eb="8">
      <t>クルマ</t>
    </rPh>
    <rPh sb="11" eb="12">
      <t>フン</t>
    </rPh>
    <phoneticPr fontId="1"/>
  </si>
  <si>
    <t>ひらやホテル</t>
    <phoneticPr fontId="1"/>
  </si>
  <si>
    <t>八代市日奈久東町260-1</t>
    <rPh sb="0" eb="3">
      <t>ヤツシロシ</t>
    </rPh>
    <rPh sb="3" eb="6">
      <t>ヒナグ</t>
    </rPh>
    <rPh sb="6" eb="7">
      <t>ヒガシ</t>
    </rPh>
    <rPh sb="7" eb="8">
      <t>マチ</t>
    </rPh>
    <phoneticPr fontId="1"/>
  </si>
  <si>
    <t>0965-38-0015</t>
    <phoneticPr fontId="1"/>
  </si>
  <si>
    <t>0965-38-0016</t>
    <phoneticPr fontId="1"/>
  </si>
  <si>
    <t>6畳（2～3名）</t>
    <rPh sb="1" eb="2">
      <t>ジョウ</t>
    </rPh>
    <rPh sb="6" eb="7">
      <t>メイ</t>
    </rPh>
    <phoneticPr fontId="1"/>
  </si>
  <si>
    <t>ＴＥＬ：0965-32-2015</t>
    <phoneticPr fontId="1"/>
  </si>
  <si>
    <t>ＴＥＬ：0965-38-0015</t>
    <phoneticPr fontId="1"/>
  </si>
  <si>
    <t>地区</t>
    <rPh sb="0" eb="2">
      <t>チク</t>
    </rPh>
    <phoneticPr fontId="1"/>
  </si>
  <si>
    <t>8月9日（前泊）</t>
    <rPh sb="1" eb="2">
      <t>ガツ</t>
    </rPh>
    <rPh sb="3" eb="4">
      <t>ニチ</t>
    </rPh>
    <rPh sb="5" eb="6">
      <t>ゼン</t>
    </rPh>
    <rPh sb="6" eb="7">
      <t>パク</t>
    </rPh>
    <phoneticPr fontId="1"/>
  </si>
  <si>
    <t>ホテルAZ　八代宮原店</t>
    <rPh sb="6" eb="8">
      <t>ヤツシロ</t>
    </rPh>
    <rPh sb="8" eb="10">
      <t>ミヤハラ</t>
    </rPh>
    <rPh sb="10" eb="11">
      <t>テン</t>
    </rPh>
    <phoneticPr fontId="1"/>
  </si>
  <si>
    <t>シングル喫煙</t>
    <rPh sb="4" eb="6">
      <t>キツエン</t>
    </rPh>
    <phoneticPr fontId="1"/>
  </si>
  <si>
    <t>シングル禁煙</t>
    <rPh sb="4" eb="6">
      <t>キンエン</t>
    </rPh>
    <phoneticPr fontId="1"/>
  </si>
  <si>
    <t>ビジネス旅館やまだや</t>
    <rPh sb="4" eb="6">
      <t>リョカン</t>
    </rPh>
    <phoneticPr fontId="1"/>
  </si>
  <si>
    <t>0965-33-1732</t>
    <phoneticPr fontId="1"/>
  </si>
  <si>
    <t>0965-33-1733</t>
    <phoneticPr fontId="1"/>
  </si>
  <si>
    <t>熊本県八代市出町6-18</t>
    <phoneticPr fontId="1"/>
  </si>
  <si>
    <t>総合体育館より徒歩10分</t>
    <rPh sb="0" eb="5">
      <t>ソウゴウタイイクカン</t>
    </rPh>
    <rPh sb="7" eb="9">
      <t>トホ</t>
    </rPh>
    <rPh sb="11" eb="12">
      <t>フン</t>
    </rPh>
    <phoneticPr fontId="1"/>
  </si>
  <si>
    <t>4名様部屋</t>
    <rPh sb="1" eb="2">
      <t>メイ</t>
    </rPh>
    <rPh sb="2" eb="3">
      <t>サマ</t>
    </rPh>
    <rPh sb="3" eb="5">
      <t>ヘヤ</t>
    </rPh>
    <phoneticPr fontId="1"/>
  </si>
  <si>
    <t>5名様部屋</t>
    <rPh sb="1" eb="2">
      <t>メイ</t>
    </rPh>
    <rPh sb="2" eb="3">
      <t>サマ</t>
    </rPh>
    <rPh sb="3" eb="5">
      <t>ベヤ</t>
    </rPh>
    <phoneticPr fontId="1"/>
  </si>
  <si>
    <t>6名様～10名様</t>
    <rPh sb="1" eb="2">
      <t>メイ</t>
    </rPh>
    <rPh sb="2" eb="3">
      <t>サマ</t>
    </rPh>
    <rPh sb="6" eb="7">
      <t>メイ</t>
    </rPh>
    <rPh sb="7" eb="8">
      <t>サマ</t>
    </rPh>
    <phoneticPr fontId="1"/>
  </si>
  <si>
    <t>9室</t>
    <rPh sb="1" eb="2">
      <t>シツ</t>
    </rPh>
    <phoneticPr fontId="1"/>
  </si>
  <si>
    <t>3室</t>
    <rPh sb="1" eb="2">
      <t>シツ</t>
    </rPh>
    <phoneticPr fontId="1"/>
  </si>
  <si>
    <t>20室</t>
    <rPh sb="2" eb="3">
      <t>シツ</t>
    </rPh>
    <phoneticPr fontId="1"/>
  </si>
  <si>
    <t>30室</t>
    <rPh sb="2" eb="3">
      <t>シツ</t>
    </rPh>
    <phoneticPr fontId="1"/>
  </si>
  <si>
    <t>10室</t>
    <rPh sb="2" eb="3">
      <t>シツ</t>
    </rPh>
    <phoneticPr fontId="1"/>
  </si>
  <si>
    <t>4室</t>
    <rPh sb="1" eb="2">
      <t>シツ</t>
    </rPh>
    <phoneticPr fontId="1"/>
  </si>
  <si>
    <t>2室</t>
    <rPh sb="1" eb="2">
      <t>シツ</t>
    </rPh>
    <phoneticPr fontId="1"/>
  </si>
  <si>
    <t>1室</t>
    <rPh sb="1" eb="2">
      <t>シツ</t>
    </rPh>
    <phoneticPr fontId="1"/>
  </si>
  <si>
    <t>ソファ付シングル</t>
    <rPh sb="3" eb="4">
      <t>ツキ</t>
    </rPh>
    <phoneticPr fontId="1"/>
  </si>
  <si>
    <t>スタンダード
ツイン</t>
    <phoneticPr fontId="1"/>
  </si>
  <si>
    <t>トリプル</t>
    <phoneticPr fontId="1"/>
  </si>
  <si>
    <t>エコノミーツイン
（1台ソファベッド）</t>
    <rPh sb="11" eb="12">
      <t>ダイ</t>
    </rPh>
    <phoneticPr fontId="1"/>
  </si>
  <si>
    <t>シングル/セミダブル（１～2名）</t>
    <rPh sb="14" eb="15">
      <t>メイ</t>
    </rPh>
    <phoneticPr fontId="1"/>
  </si>
  <si>
    <t>8室</t>
    <rPh sb="1" eb="2">
      <t>シツ</t>
    </rPh>
    <phoneticPr fontId="1"/>
  </si>
  <si>
    <t>0室</t>
    <rPh sb="1" eb="2">
      <t>シツ</t>
    </rPh>
    <phoneticPr fontId="1"/>
  </si>
  <si>
    <r>
      <t xml:space="preserve">フォース
</t>
    </r>
    <r>
      <rPr>
        <sz val="8"/>
        <color theme="1"/>
        <rFont val="ＭＳ Ｐゴシック"/>
        <family val="3"/>
        <charset val="128"/>
        <scheme val="minor"/>
      </rPr>
      <t>（1台エキストラベッド）</t>
    </r>
    <rPh sb="7" eb="8">
      <t>ダイ</t>
    </rPh>
    <phoneticPr fontId="1"/>
  </si>
  <si>
    <t>最大40台</t>
    <rPh sb="0" eb="2">
      <t>サイダイ</t>
    </rPh>
    <rPh sb="4" eb="5">
      <t>ダイ</t>
    </rPh>
    <phoneticPr fontId="1"/>
  </si>
  <si>
    <t>最大12台</t>
    <rPh sb="0" eb="2">
      <t>サイダイ</t>
    </rPh>
    <rPh sb="4" eb="5">
      <t>ダイ</t>
    </rPh>
    <phoneticPr fontId="1"/>
  </si>
  <si>
    <t>なし</t>
    <phoneticPr fontId="1"/>
  </si>
  <si>
    <t>シングル1名</t>
    <rPh sb="5" eb="6">
      <t>メイ</t>
    </rPh>
    <phoneticPr fontId="1"/>
  </si>
  <si>
    <t>(小人添寝可能）</t>
    <rPh sb="1" eb="3">
      <t>コビト</t>
    </rPh>
    <rPh sb="3" eb="5">
      <t>ソイネ</t>
    </rPh>
    <rPh sb="5" eb="7">
      <t>カノウ</t>
    </rPh>
    <phoneticPr fontId="1"/>
  </si>
  <si>
    <t>不知火ホテル</t>
    <rPh sb="0" eb="3">
      <t>シラヌイ</t>
    </rPh>
    <phoneticPr fontId="1"/>
  </si>
  <si>
    <t>八代市日奈久中西町新4番地</t>
    <rPh sb="0" eb="3">
      <t>ヤツシロシ</t>
    </rPh>
    <rPh sb="3" eb="9">
      <t>ヒナグナカニシマチ</t>
    </rPh>
    <rPh sb="9" eb="10">
      <t>シン</t>
    </rPh>
    <rPh sb="11" eb="13">
      <t>バンチ</t>
    </rPh>
    <phoneticPr fontId="1"/>
  </si>
  <si>
    <t>0965-38-0414</t>
    <phoneticPr fontId="1"/>
  </si>
  <si>
    <t>0965-38-0415</t>
    <phoneticPr fontId="1"/>
  </si>
  <si>
    <t>6畳（2名）</t>
    <rPh sb="1" eb="2">
      <t>ジョウ</t>
    </rPh>
    <rPh sb="4" eb="5">
      <t>メイ</t>
    </rPh>
    <phoneticPr fontId="1"/>
  </si>
  <si>
    <t>8畳（4名）</t>
    <rPh sb="1" eb="2">
      <t>ジョウ</t>
    </rPh>
    <rPh sb="4" eb="5">
      <t>メイ</t>
    </rPh>
    <phoneticPr fontId="1"/>
  </si>
  <si>
    <t>14畳（6名～8名）</t>
    <rPh sb="2" eb="3">
      <t>ジョウ</t>
    </rPh>
    <rPh sb="5" eb="6">
      <t>メイ</t>
    </rPh>
    <rPh sb="8" eb="9">
      <t>メイ</t>
    </rPh>
    <phoneticPr fontId="1"/>
  </si>
  <si>
    <t>7室</t>
    <rPh sb="1" eb="2">
      <t>シツ</t>
    </rPh>
    <phoneticPr fontId="1"/>
  </si>
  <si>
    <t>最大1台</t>
    <rPh sb="0" eb="2">
      <t>サイダイ</t>
    </rPh>
    <rPh sb="3" eb="4">
      <t>ダイ</t>
    </rPh>
    <phoneticPr fontId="1"/>
  </si>
  <si>
    <t>あり（27名）</t>
    <rPh sb="5" eb="6">
      <t>メイ</t>
    </rPh>
    <phoneticPr fontId="1"/>
  </si>
  <si>
    <t>ホテル大黒屋</t>
    <rPh sb="3" eb="5">
      <t>オオグロ</t>
    </rPh>
    <rPh sb="5" eb="6">
      <t>ヤ</t>
    </rPh>
    <phoneticPr fontId="1"/>
  </si>
  <si>
    <t>総合体育館より車で5分</t>
    <rPh sb="0" eb="2">
      <t>ソウゴウ</t>
    </rPh>
    <rPh sb="2" eb="5">
      <t>タイイクカン</t>
    </rPh>
    <rPh sb="7" eb="8">
      <t>クルマ</t>
    </rPh>
    <rPh sb="10" eb="11">
      <t>フン</t>
    </rPh>
    <phoneticPr fontId="1"/>
  </si>
  <si>
    <t>0965-34-0500</t>
    <phoneticPr fontId="1"/>
  </si>
  <si>
    <t>0965-34-0600</t>
    <phoneticPr fontId="1"/>
  </si>
  <si>
    <t>シングル</t>
    <phoneticPr fontId="1"/>
  </si>
  <si>
    <t>ツイン</t>
    <phoneticPr fontId="1"/>
  </si>
  <si>
    <t>15室</t>
    <rPh sb="2" eb="3">
      <t>シツ</t>
    </rPh>
    <phoneticPr fontId="1"/>
  </si>
  <si>
    <t>5室</t>
    <rPh sb="1" eb="2">
      <t>シツ</t>
    </rPh>
    <phoneticPr fontId="1"/>
  </si>
  <si>
    <t>17室</t>
    <rPh sb="2" eb="3">
      <t>シツ</t>
    </rPh>
    <phoneticPr fontId="1"/>
  </si>
  <si>
    <t>最大50台</t>
    <rPh sb="0" eb="2">
      <t>サイダイ</t>
    </rPh>
    <rPh sb="4" eb="5">
      <t>ダイ</t>
    </rPh>
    <phoneticPr fontId="1"/>
  </si>
  <si>
    <t>最大6台</t>
    <rPh sb="0" eb="2">
      <t>サイダイ</t>
    </rPh>
    <rPh sb="3" eb="4">
      <t>ダイ</t>
    </rPh>
    <phoneticPr fontId="1"/>
  </si>
  <si>
    <t>ＴＥＬ：0965-34-0500</t>
    <phoneticPr fontId="1"/>
  </si>
  <si>
    <t>無し</t>
    <phoneticPr fontId="1"/>
  </si>
  <si>
    <t>ＴＥＬ：0965-33-1732</t>
    <phoneticPr fontId="1"/>
  </si>
  <si>
    <t>6室</t>
    <rPh sb="1" eb="2">
      <t>シツ</t>
    </rPh>
    <phoneticPr fontId="1"/>
  </si>
  <si>
    <t>（マイクロ）</t>
    <phoneticPr fontId="1"/>
  </si>
  <si>
    <t>0965-34-1111</t>
    <phoneticPr fontId="1"/>
  </si>
  <si>
    <t>セレクトロイヤル八代</t>
    <rPh sb="8" eb="10">
      <t>ヤツシロ</t>
    </rPh>
    <phoneticPr fontId="1"/>
  </si>
  <si>
    <t>八代市本町2丁目１-5</t>
    <rPh sb="0" eb="3">
      <t>ヤツシロシ</t>
    </rPh>
    <rPh sb="3" eb="5">
      <t>ホンマチ</t>
    </rPh>
    <rPh sb="6" eb="8">
      <t>チョウメ</t>
    </rPh>
    <phoneticPr fontId="1"/>
  </si>
  <si>
    <t>シングル</t>
    <phoneticPr fontId="1"/>
  </si>
  <si>
    <t>40室</t>
    <rPh sb="2" eb="3">
      <t>シツ</t>
    </rPh>
    <phoneticPr fontId="1"/>
  </si>
  <si>
    <t>20室</t>
    <rPh sb="2" eb="3">
      <t>シツ</t>
    </rPh>
    <phoneticPr fontId="1"/>
  </si>
  <si>
    <t>8室</t>
    <rPh sb="1" eb="2">
      <t>シツ</t>
    </rPh>
    <phoneticPr fontId="1"/>
  </si>
  <si>
    <t>7室</t>
    <rPh sb="1" eb="2">
      <t>シツ</t>
    </rPh>
    <phoneticPr fontId="1"/>
  </si>
  <si>
    <t>最大100台</t>
    <rPh sb="0" eb="2">
      <t>サイダイ</t>
    </rPh>
    <rPh sb="5" eb="6">
      <t>ダイ</t>
    </rPh>
    <phoneticPr fontId="1"/>
  </si>
  <si>
    <t>なし</t>
    <phoneticPr fontId="1"/>
  </si>
  <si>
    <t>あり</t>
    <phoneticPr fontId="1"/>
  </si>
  <si>
    <t>（有料・24名）</t>
    <rPh sb="1" eb="3">
      <t>ユウリョウ</t>
    </rPh>
    <rPh sb="6" eb="7">
      <t>メイ</t>
    </rPh>
    <phoneticPr fontId="1"/>
  </si>
  <si>
    <t>総合体育館より車で5分</t>
    <rPh sb="0" eb="2">
      <t>ソウゴウ</t>
    </rPh>
    <rPh sb="2" eb="5">
      <t>タイイクカン</t>
    </rPh>
    <rPh sb="7" eb="8">
      <t>クルマ</t>
    </rPh>
    <rPh sb="10" eb="11">
      <t>フン</t>
    </rPh>
    <phoneticPr fontId="1"/>
  </si>
  <si>
    <t>八代市本町2丁目1-5</t>
    <rPh sb="0" eb="3">
      <t>ヤツシロシ</t>
    </rPh>
    <rPh sb="3" eb="5">
      <t>ホンマチ</t>
    </rPh>
    <rPh sb="6" eb="8">
      <t>チョウメ</t>
    </rPh>
    <phoneticPr fontId="1"/>
  </si>
  <si>
    <t>TEL：0965-34-1111</t>
    <phoneticPr fontId="1"/>
  </si>
  <si>
    <t>総合体育館より車で5分</t>
    <rPh sb="0" eb="5">
      <t>ソウゴウタイイクカン</t>
    </rPh>
    <rPh sb="7" eb="8">
      <t>クルマ</t>
    </rPh>
    <rPh sb="10" eb="11">
      <t>フン</t>
    </rPh>
    <phoneticPr fontId="1"/>
  </si>
  <si>
    <t>八代市麦島西町7-15</t>
    <rPh sb="0" eb="3">
      <t>ヤツシロシ</t>
    </rPh>
    <rPh sb="3" eb="5">
      <t>ムギシマ</t>
    </rPh>
    <rPh sb="5" eb="6">
      <t>ニシ</t>
    </rPh>
    <rPh sb="6" eb="7">
      <t>マチ</t>
    </rPh>
    <phoneticPr fontId="1"/>
  </si>
  <si>
    <t>10畳（5名～6名）</t>
    <rPh sb="2" eb="3">
      <t>ジョウ</t>
    </rPh>
    <rPh sb="5" eb="6">
      <t>メイ</t>
    </rPh>
    <rPh sb="8" eb="9">
      <t>メイ</t>
    </rPh>
    <phoneticPr fontId="1"/>
  </si>
  <si>
    <t>やつしろホテル</t>
    <phoneticPr fontId="1"/>
  </si>
  <si>
    <t>八代市麦島東町9-11</t>
    <rPh sb="0" eb="3">
      <t>ヤツシロシ</t>
    </rPh>
    <rPh sb="3" eb="5">
      <t>ムギシマ</t>
    </rPh>
    <rPh sb="5" eb="6">
      <t>ヒガシ</t>
    </rPh>
    <rPh sb="6" eb="7">
      <t>マチ</t>
    </rPh>
    <phoneticPr fontId="1"/>
  </si>
  <si>
    <t>総合体育館より車で3分</t>
    <rPh sb="0" eb="5">
      <t>ソウゴウタイイクカン</t>
    </rPh>
    <rPh sb="7" eb="8">
      <t>クルマ</t>
    </rPh>
    <rPh sb="10" eb="11">
      <t>フン</t>
    </rPh>
    <phoneticPr fontId="1"/>
  </si>
  <si>
    <t>0965-32-2223</t>
    <phoneticPr fontId="1"/>
  </si>
  <si>
    <t>0965-32-2294</t>
    <phoneticPr fontId="1"/>
  </si>
  <si>
    <t>8畳</t>
    <rPh sb="1" eb="2">
      <t>ジョウ</t>
    </rPh>
    <phoneticPr fontId="1"/>
  </si>
  <si>
    <t>3室</t>
    <rPh sb="1" eb="2">
      <t>シツ</t>
    </rPh>
    <phoneticPr fontId="1"/>
  </si>
  <si>
    <t>2室</t>
    <rPh sb="1" eb="2">
      <t>シツ</t>
    </rPh>
    <phoneticPr fontId="1"/>
  </si>
  <si>
    <t>最大20台</t>
    <rPh sb="0" eb="2">
      <t>サイダイ</t>
    </rPh>
    <rPh sb="4" eb="5">
      <t>ダイ</t>
    </rPh>
    <phoneticPr fontId="1"/>
  </si>
  <si>
    <t>最大1台</t>
    <rPh sb="0" eb="2">
      <t>サイダイ</t>
    </rPh>
    <rPh sb="3" eb="4">
      <t>ダイ</t>
    </rPh>
    <phoneticPr fontId="1"/>
  </si>
  <si>
    <t>TEL:0965-32-2223</t>
    <phoneticPr fontId="1"/>
  </si>
  <si>
    <t>無し</t>
    <phoneticPr fontId="1"/>
  </si>
  <si>
    <t>備考</t>
    <rPh sb="0" eb="2">
      <t>ビコウ</t>
    </rPh>
    <phoneticPr fontId="1"/>
  </si>
  <si>
    <t>※添寝0歳～3歳無料
※添寝素泊2,850円
※駐車場、普通車・バス同時使用不可</t>
    <rPh sb="1" eb="3">
      <t>ソイネ</t>
    </rPh>
    <rPh sb="4" eb="5">
      <t>サイ</t>
    </rPh>
    <rPh sb="7" eb="8">
      <t>サイ</t>
    </rPh>
    <rPh sb="8" eb="10">
      <t>ムリョウ</t>
    </rPh>
    <rPh sb="12" eb="14">
      <t>ソイネ</t>
    </rPh>
    <rPh sb="14" eb="16">
      <t>スドマ</t>
    </rPh>
    <rPh sb="21" eb="22">
      <t>エン</t>
    </rPh>
    <rPh sb="24" eb="27">
      <t>チュウシャジョウ</t>
    </rPh>
    <rPh sb="28" eb="31">
      <t>フツウシャ</t>
    </rPh>
    <rPh sb="34" eb="36">
      <t>ドウジ</t>
    </rPh>
    <rPh sb="36" eb="38">
      <t>シヨウ</t>
    </rPh>
    <rPh sb="38" eb="40">
      <t>フカ</t>
    </rPh>
    <phoneticPr fontId="1"/>
  </si>
  <si>
    <t>旅館　寿</t>
    <rPh sb="0" eb="2">
      <t>リョカン</t>
    </rPh>
    <rPh sb="3" eb="4">
      <t>コトブキ</t>
    </rPh>
    <phoneticPr fontId="1"/>
  </si>
  <si>
    <t>八代市日奈久中西町391</t>
    <rPh sb="0" eb="3">
      <t>ヤツシロシ</t>
    </rPh>
    <rPh sb="3" eb="9">
      <t>ヒナグナカニシマチ</t>
    </rPh>
    <phoneticPr fontId="1"/>
  </si>
  <si>
    <t>0965-38-0253</t>
    <phoneticPr fontId="1"/>
  </si>
  <si>
    <t>0965-38-0254</t>
    <phoneticPr fontId="1"/>
  </si>
  <si>
    <t>6畳（2～3名）</t>
    <rPh sb="1" eb="2">
      <t>ジョウ</t>
    </rPh>
    <rPh sb="6" eb="7">
      <t>メイ</t>
    </rPh>
    <phoneticPr fontId="1"/>
  </si>
  <si>
    <t>10畳（4～5名）</t>
    <rPh sb="2" eb="3">
      <t>ジョウ</t>
    </rPh>
    <rPh sb="7" eb="8">
      <t>メイ</t>
    </rPh>
    <phoneticPr fontId="1"/>
  </si>
  <si>
    <t>30畳（10～13名）</t>
    <rPh sb="2" eb="3">
      <t>ジョウ</t>
    </rPh>
    <rPh sb="9" eb="10">
      <t>メイ</t>
    </rPh>
    <phoneticPr fontId="1"/>
  </si>
  <si>
    <t>3室</t>
    <rPh sb="1" eb="2">
      <t>シツ</t>
    </rPh>
    <phoneticPr fontId="1"/>
  </si>
  <si>
    <t>1室</t>
    <rPh sb="1" eb="2">
      <t>シツ</t>
    </rPh>
    <phoneticPr fontId="1"/>
  </si>
  <si>
    <t>最大3台</t>
    <rPh sb="0" eb="2">
      <t>サイダイ</t>
    </rPh>
    <rPh sb="3" eb="4">
      <t>ダイ</t>
    </rPh>
    <phoneticPr fontId="1"/>
  </si>
  <si>
    <t>総合体育館より車で25分</t>
    <phoneticPr fontId="1"/>
  </si>
  <si>
    <t>宿泊施設・料金のご案内</t>
    <rPh sb="0" eb="2">
      <t>シュクハク</t>
    </rPh>
    <rPh sb="2" eb="4">
      <t>シセツ</t>
    </rPh>
    <rPh sb="5" eb="7">
      <t>リョウキン</t>
    </rPh>
    <rPh sb="9" eb="11">
      <t>アンナイ</t>
    </rPh>
    <phoneticPr fontId="1"/>
  </si>
  <si>
    <t>日奈久温泉　柳屋旅館</t>
    <rPh sb="0" eb="3">
      <t>ヒナグ</t>
    </rPh>
    <rPh sb="3" eb="5">
      <t>オンセン</t>
    </rPh>
    <rPh sb="6" eb="8">
      <t>ヤナギヤ</t>
    </rPh>
    <rPh sb="8" eb="10">
      <t>リョカン</t>
    </rPh>
    <phoneticPr fontId="1"/>
  </si>
  <si>
    <t>八代市日奈久中町326</t>
    <rPh sb="0" eb="3">
      <t>ヤツシロシ</t>
    </rPh>
    <rPh sb="3" eb="8">
      <t>ヒナグナカマチ</t>
    </rPh>
    <phoneticPr fontId="1"/>
  </si>
  <si>
    <t>和室8畳（3名利用）</t>
    <rPh sb="0" eb="2">
      <t>ワシツ</t>
    </rPh>
    <rPh sb="3" eb="4">
      <t>ジョウ</t>
    </rPh>
    <rPh sb="6" eb="7">
      <t>メイ</t>
    </rPh>
    <rPh sb="7" eb="9">
      <t>リヨウ</t>
    </rPh>
    <phoneticPr fontId="1"/>
  </si>
  <si>
    <t>-</t>
    <phoneticPr fontId="1"/>
  </si>
  <si>
    <t>小人添寝料金</t>
    <rPh sb="0" eb="2">
      <t>ショウニン</t>
    </rPh>
    <rPh sb="2" eb="4">
      <t>ソイネ</t>
    </rPh>
    <rPh sb="4" eb="6">
      <t>リョウキン</t>
    </rPh>
    <phoneticPr fontId="1"/>
  </si>
  <si>
    <t>５０名</t>
    <rPh sb="2" eb="3">
      <t>メイ</t>
    </rPh>
    <phoneticPr fontId="1"/>
  </si>
  <si>
    <t>（４歳以上未就学児）添寝料金</t>
    <rPh sb="10" eb="14">
      <t>ソイネリョウキン</t>
    </rPh>
    <phoneticPr fontId="1"/>
  </si>
  <si>
    <t>(添寝可能）</t>
    <rPh sb="1" eb="3">
      <t>ソイネ</t>
    </rPh>
    <rPh sb="3" eb="5">
      <t>カノウ</t>
    </rPh>
    <phoneticPr fontId="1"/>
  </si>
  <si>
    <t>トリプル</t>
    <phoneticPr fontId="1"/>
  </si>
  <si>
    <t>50名</t>
    <rPh sb="2" eb="3">
      <t>メイ</t>
    </rPh>
    <phoneticPr fontId="1"/>
  </si>
  <si>
    <t>宿泊料金は１泊２食付と１泊朝食付、お一人当たり大人料金と小人（小学生）料金となります。</t>
    <rPh sb="0" eb="2">
      <t>シュクハク</t>
    </rPh>
    <rPh sb="2" eb="4">
      <t>リョウキン</t>
    </rPh>
    <rPh sb="6" eb="7">
      <t>ハク</t>
    </rPh>
    <rPh sb="8" eb="9">
      <t>ショク</t>
    </rPh>
    <rPh sb="9" eb="10">
      <t>ツ</t>
    </rPh>
    <rPh sb="12" eb="13">
      <t>ハク</t>
    </rPh>
    <rPh sb="13" eb="15">
      <t>チョウショク</t>
    </rPh>
    <rPh sb="15" eb="16">
      <t>ツ</t>
    </rPh>
    <rPh sb="18" eb="20">
      <t>ヒトリ</t>
    </rPh>
    <rPh sb="20" eb="21">
      <t>ア</t>
    </rPh>
    <rPh sb="23" eb="25">
      <t>オトナ</t>
    </rPh>
    <rPh sb="25" eb="27">
      <t>リョウキン</t>
    </rPh>
    <rPh sb="28" eb="30">
      <t>ショウニン</t>
    </rPh>
    <rPh sb="31" eb="34">
      <t>ショウガクセイ</t>
    </rPh>
    <rPh sb="35" eb="37">
      <t>リョウキン</t>
    </rPh>
    <phoneticPr fontId="1"/>
  </si>
  <si>
    <t>和室8畳（2～4名）</t>
    <rPh sb="0" eb="2">
      <t>ワシツ</t>
    </rPh>
    <rPh sb="3" eb="4">
      <t>ジョウ</t>
    </rPh>
    <rPh sb="8" eb="9">
      <t>メイ</t>
    </rPh>
    <phoneticPr fontId="1"/>
  </si>
  <si>
    <t>未就学児添寝料金</t>
    <rPh sb="0" eb="4">
      <t>ミシュウガクジ</t>
    </rPh>
    <rPh sb="4" eb="6">
      <t>ソイネ</t>
    </rPh>
    <rPh sb="6" eb="8">
      <t>リョウキン</t>
    </rPh>
    <phoneticPr fontId="1"/>
  </si>
  <si>
    <t>朝日旅館</t>
    <rPh sb="0" eb="2">
      <t>アサヒ</t>
    </rPh>
    <rPh sb="2" eb="4">
      <t>リョカン</t>
    </rPh>
    <phoneticPr fontId="1"/>
  </si>
  <si>
    <t>八代市鏡町鏡村888-3</t>
    <rPh sb="0" eb="3">
      <t>ヤツシロシ</t>
    </rPh>
    <rPh sb="3" eb="5">
      <t>カガミマチ</t>
    </rPh>
    <rPh sb="5" eb="7">
      <t>カガミムラ</t>
    </rPh>
    <phoneticPr fontId="1"/>
  </si>
  <si>
    <t>ＴＥＬ：0965-52-0242</t>
    <phoneticPr fontId="1"/>
  </si>
  <si>
    <t>（小人添寝可能）</t>
    <rPh sb="1" eb="3">
      <t>ショウニン</t>
    </rPh>
    <rPh sb="3" eb="5">
      <t>ソイネ</t>
    </rPh>
    <rPh sb="5" eb="7">
      <t>カノウ</t>
    </rPh>
    <phoneticPr fontId="1"/>
  </si>
  <si>
    <t>総合体育館より車で20分</t>
    <phoneticPr fontId="1"/>
  </si>
  <si>
    <t>A-1</t>
    <phoneticPr fontId="1"/>
  </si>
  <si>
    <t>A-2</t>
    <phoneticPr fontId="1"/>
  </si>
  <si>
    <t>A-3</t>
    <phoneticPr fontId="1"/>
  </si>
  <si>
    <t>B-1</t>
    <phoneticPr fontId="1"/>
  </si>
  <si>
    <t>B-2</t>
    <phoneticPr fontId="1"/>
  </si>
  <si>
    <t>C-1</t>
    <phoneticPr fontId="1"/>
  </si>
  <si>
    <t>C-2</t>
    <phoneticPr fontId="1"/>
  </si>
  <si>
    <t>C-3</t>
    <phoneticPr fontId="1"/>
  </si>
  <si>
    <t>C-4</t>
    <phoneticPr fontId="1"/>
  </si>
  <si>
    <t>D-1</t>
    <phoneticPr fontId="1"/>
  </si>
  <si>
    <t>D-3</t>
    <phoneticPr fontId="1"/>
  </si>
  <si>
    <t>E-1</t>
    <phoneticPr fontId="1"/>
  </si>
  <si>
    <t>F-1</t>
    <phoneticPr fontId="1"/>
  </si>
  <si>
    <t>F-2</t>
    <phoneticPr fontId="1"/>
  </si>
  <si>
    <t>G-1</t>
    <phoneticPr fontId="1"/>
  </si>
  <si>
    <t>G-2</t>
    <phoneticPr fontId="1"/>
  </si>
  <si>
    <t>G-3</t>
    <phoneticPr fontId="1"/>
  </si>
  <si>
    <t>G-4</t>
    <phoneticPr fontId="1"/>
  </si>
  <si>
    <t>H-1</t>
    <phoneticPr fontId="1"/>
  </si>
  <si>
    <t>H-2</t>
    <phoneticPr fontId="1"/>
  </si>
  <si>
    <t>H-3</t>
    <phoneticPr fontId="1"/>
  </si>
  <si>
    <t>H-4</t>
    <phoneticPr fontId="1"/>
  </si>
  <si>
    <t>I-1</t>
    <phoneticPr fontId="1"/>
  </si>
  <si>
    <t>I-2</t>
    <phoneticPr fontId="1"/>
  </si>
  <si>
    <t>I-3</t>
    <phoneticPr fontId="1"/>
  </si>
  <si>
    <t>J-1</t>
    <phoneticPr fontId="1"/>
  </si>
  <si>
    <t>J-2</t>
    <phoneticPr fontId="1"/>
  </si>
  <si>
    <t>J-4</t>
    <phoneticPr fontId="1"/>
  </si>
  <si>
    <t>K-1</t>
    <phoneticPr fontId="1"/>
  </si>
  <si>
    <t>K-2</t>
    <phoneticPr fontId="1"/>
  </si>
  <si>
    <t>K-3</t>
    <phoneticPr fontId="1"/>
  </si>
  <si>
    <t>K-4</t>
    <phoneticPr fontId="1"/>
  </si>
  <si>
    <t>K-5</t>
    <phoneticPr fontId="1"/>
  </si>
  <si>
    <t>L-1</t>
    <phoneticPr fontId="1"/>
  </si>
  <si>
    <t>L-2</t>
    <phoneticPr fontId="1"/>
  </si>
  <si>
    <t>L-3</t>
    <phoneticPr fontId="1"/>
  </si>
  <si>
    <t>ツイン（2名）</t>
    <rPh sb="5" eb="6">
      <t>メイ</t>
    </rPh>
    <phoneticPr fontId="1"/>
  </si>
  <si>
    <t>シングル（1名）</t>
    <rPh sb="6" eb="7">
      <t>メイ</t>
    </rPh>
    <phoneticPr fontId="1"/>
  </si>
  <si>
    <t>シングル</t>
    <phoneticPr fontId="1"/>
  </si>
  <si>
    <t>ソファ付きシングル</t>
    <rPh sb="3" eb="4">
      <t>ツ</t>
    </rPh>
    <phoneticPr fontId="1"/>
  </si>
  <si>
    <t>エコノミーツイン</t>
    <phoneticPr fontId="1"/>
  </si>
  <si>
    <t>トリプル（3名）</t>
    <rPh sb="6" eb="7">
      <t>メイ</t>
    </rPh>
    <phoneticPr fontId="1"/>
  </si>
  <si>
    <t>フォース（4名）</t>
    <rPh sb="6" eb="7">
      <t>メイ</t>
    </rPh>
    <phoneticPr fontId="1"/>
  </si>
  <si>
    <t>C-5</t>
    <phoneticPr fontId="1"/>
  </si>
  <si>
    <t>C-6</t>
    <phoneticPr fontId="1"/>
  </si>
  <si>
    <t>C-7</t>
    <phoneticPr fontId="1"/>
  </si>
  <si>
    <t>C-8</t>
    <phoneticPr fontId="1"/>
  </si>
  <si>
    <t>和室6畳（バス・トイレ付）（2-3名）</t>
    <rPh sb="0" eb="2">
      <t>ワシツ</t>
    </rPh>
    <rPh sb="3" eb="4">
      <t>ジョウ</t>
    </rPh>
    <rPh sb="11" eb="12">
      <t>ツキ</t>
    </rPh>
    <rPh sb="17" eb="18">
      <t>メイ</t>
    </rPh>
    <phoneticPr fontId="1"/>
  </si>
  <si>
    <t>和室</t>
    <rPh sb="0" eb="2">
      <t>ワシツ</t>
    </rPh>
    <phoneticPr fontId="1"/>
  </si>
  <si>
    <t>和室６畳（定員３名）</t>
    <rPh sb="0" eb="2">
      <t>ワシツ</t>
    </rPh>
    <rPh sb="3" eb="4">
      <t>ジョウ</t>
    </rPh>
    <rPh sb="5" eb="7">
      <t>テイイン</t>
    </rPh>
    <rPh sb="8" eb="9">
      <t>メイ</t>
    </rPh>
    <phoneticPr fontId="1"/>
  </si>
  <si>
    <t>和室１２畳（定員５名）</t>
    <rPh sb="0" eb="2">
      <t>ワシツ</t>
    </rPh>
    <rPh sb="4" eb="5">
      <t>ジョウ</t>
    </rPh>
    <rPh sb="6" eb="8">
      <t>テイイン</t>
    </rPh>
    <rPh sb="9" eb="10">
      <t>メイ</t>
    </rPh>
    <phoneticPr fontId="1"/>
  </si>
  <si>
    <t>（素泊）
1,000</t>
    <phoneticPr fontId="1"/>
  </si>
  <si>
    <t>～４名様部屋</t>
    <rPh sb="2" eb="3">
      <t>メイ</t>
    </rPh>
    <rPh sb="3" eb="4">
      <t>サマ</t>
    </rPh>
    <rPh sb="4" eb="6">
      <t>ヘヤ</t>
    </rPh>
    <phoneticPr fontId="1"/>
  </si>
  <si>
    <t>～５名様部屋</t>
    <rPh sb="2" eb="3">
      <t>メイ</t>
    </rPh>
    <rPh sb="3" eb="4">
      <t>サマ</t>
    </rPh>
    <rPh sb="4" eb="6">
      <t>ヘヤ</t>
    </rPh>
    <phoneticPr fontId="1"/>
  </si>
  <si>
    <t>～3名様部屋</t>
    <rPh sb="2" eb="3">
      <t>メイ</t>
    </rPh>
    <rPh sb="3" eb="4">
      <t>サマ</t>
    </rPh>
    <rPh sb="4" eb="6">
      <t>ヘヤ</t>
    </rPh>
    <phoneticPr fontId="1"/>
  </si>
  <si>
    <t>J-3</t>
    <phoneticPr fontId="1"/>
  </si>
  <si>
    <t>J-5</t>
    <phoneticPr fontId="1"/>
  </si>
  <si>
    <t>-</t>
  </si>
  <si>
    <t>（小学1年-3年生）添寝</t>
    <rPh sb="1" eb="3">
      <t>ショウガク</t>
    </rPh>
    <rPh sb="4" eb="5">
      <t>ネン</t>
    </rPh>
    <rPh sb="7" eb="9">
      <t>ネンセイ</t>
    </rPh>
    <phoneticPr fontId="1"/>
  </si>
  <si>
    <t>（小学4年-6年生）添寝</t>
    <rPh sb="10" eb="12">
      <t>ソイネ</t>
    </rPh>
    <phoneticPr fontId="1"/>
  </si>
  <si>
    <t>（添寝可能）
※添寝のお客様にはルームカップ、スリッパはございません。</t>
    <rPh sb="8" eb="10">
      <t>ソイネ</t>
    </rPh>
    <rPh sb="12" eb="14">
      <t>キャクサマ</t>
    </rPh>
    <phoneticPr fontId="1"/>
  </si>
  <si>
    <t>※三歳未満で食事・布団の要らないお客様は無料です。</t>
    <rPh sb="1" eb="3">
      <t>サンサイ</t>
    </rPh>
    <rPh sb="3" eb="5">
      <t>ミマン</t>
    </rPh>
    <rPh sb="6" eb="8">
      <t>ショクジ</t>
    </rPh>
    <rPh sb="9" eb="11">
      <t>フトン</t>
    </rPh>
    <rPh sb="12" eb="13">
      <t>イ</t>
    </rPh>
    <rPh sb="17" eb="19">
      <t>キャクサマ</t>
    </rPh>
    <rPh sb="20" eb="22">
      <t>ムリョウ</t>
    </rPh>
    <phoneticPr fontId="1"/>
  </si>
  <si>
    <t>6～8名部屋</t>
    <rPh sb="3" eb="4">
      <t>メイ</t>
    </rPh>
    <rPh sb="4" eb="6">
      <t>ヘヤ</t>
    </rPh>
    <phoneticPr fontId="1"/>
  </si>
  <si>
    <t>未就学児添寝料金</t>
    <rPh sb="4" eb="6">
      <t>ソイネ</t>
    </rPh>
    <rPh sb="6" eb="8">
      <t>リョウキン</t>
    </rPh>
    <phoneticPr fontId="1"/>
  </si>
  <si>
    <t>３歳-5歳添寝料金</t>
    <rPh sb="1" eb="2">
      <t>サイ</t>
    </rPh>
    <rPh sb="4" eb="5">
      <t>サイ</t>
    </rPh>
    <rPh sb="5" eb="7">
      <t>ソイネ</t>
    </rPh>
    <rPh sb="7" eb="9">
      <t>リョウキン</t>
    </rPh>
    <phoneticPr fontId="1"/>
  </si>
  <si>
    <t>日奈久温泉地区</t>
    <phoneticPr fontId="1"/>
  </si>
  <si>
    <t>15名</t>
    <rPh sb="2" eb="3">
      <t>メイ</t>
    </rPh>
    <phoneticPr fontId="1"/>
  </si>
  <si>
    <t>※添寝0歳～5歳児
　までは無料（食事なし）</t>
    <rPh sb="17" eb="19">
      <t>ショクジ</t>
    </rPh>
    <phoneticPr fontId="1"/>
  </si>
  <si>
    <t>7０名</t>
    <rPh sb="2" eb="3">
      <t>メイ</t>
    </rPh>
    <phoneticPr fontId="1"/>
  </si>
  <si>
    <t>シングル禁煙</t>
    <rPh sb="4" eb="6">
      <t>キンエン</t>
    </rPh>
    <phoneticPr fontId="1"/>
  </si>
  <si>
    <t>（三歳以上）添寝料金</t>
    <rPh sb="1" eb="3">
      <t>サンサイ</t>
    </rPh>
    <rPh sb="3" eb="5">
      <t>イジョウ</t>
    </rPh>
    <rPh sb="6" eb="8">
      <t>ソイネ</t>
    </rPh>
    <rPh sb="8" eb="10">
      <t>リョウキン</t>
    </rPh>
    <phoneticPr fontId="1"/>
  </si>
  <si>
    <t>(3歳-小学生以下の素泊まり料金は4,000円です）</t>
    <rPh sb="10" eb="12">
      <t>スド</t>
    </rPh>
    <rPh sb="14" eb="16">
      <t>リョウキン</t>
    </rPh>
    <rPh sb="22" eb="23">
      <t>エン</t>
    </rPh>
    <phoneticPr fontId="1"/>
  </si>
  <si>
    <t>6,500
(小学生素泊まり4,500円)</t>
    <rPh sb="7" eb="10">
      <t>ショウガクセイ</t>
    </rPh>
    <rPh sb="10" eb="12">
      <t>スド</t>
    </rPh>
    <rPh sb="19" eb="20">
      <t>エン</t>
    </rPh>
    <phoneticPr fontId="1"/>
  </si>
  <si>
    <t>7,500
(大人素泊まり4,500円)</t>
    <rPh sb="7" eb="9">
      <t>オトナ</t>
    </rPh>
    <phoneticPr fontId="1"/>
  </si>
  <si>
    <t>32名</t>
    <rPh sb="2" eb="3">
      <t>メイ</t>
    </rPh>
    <phoneticPr fontId="1"/>
  </si>
  <si>
    <t>30名</t>
    <rPh sb="2" eb="3">
      <t>メイ</t>
    </rPh>
    <phoneticPr fontId="1"/>
  </si>
  <si>
    <t>D-2</t>
    <phoneticPr fontId="1"/>
  </si>
  <si>
    <t>61名</t>
    <rPh sb="2" eb="3">
      <t>メイ</t>
    </rPh>
    <phoneticPr fontId="1"/>
  </si>
  <si>
    <t>別館大部屋（6名）</t>
    <rPh sb="0" eb="2">
      <t>ベッカン</t>
    </rPh>
    <rPh sb="2" eb="3">
      <t>オオ</t>
    </rPh>
    <rPh sb="3" eb="5">
      <t>ヘヤ</t>
    </rPh>
    <rPh sb="7" eb="8">
      <t>メイ</t>
    </rPh>
    <phoneticPr fontId="1"/>
  </si>
  <si>
    <t>別館大部屋（24名）</t>
    <phoneticPr fontId="1"/>
  </si>
  <si>
    <t>和室（4名）</t>
    <rPh sb="0" eb="2">
      <t>ワシツ</t>
    </rPh>
    <rPh sb="4" eb="5">
      <t>メイ</t>
    </rPh>
    <phoneticPr fontId="1"/>
  </si>
  <si>
    <t>小学生</t>
    <rPh sb="0" eb="3">
      <t>ショウガクセイ</t>
    </rPh>
    <phoneticPr fontId="1"/>
  </si>
  <si>
    <t>未就学児・幼児</t>
    <rPh sb="5" eb="7">
      <t>ヨウジ</t>
    </rPh>
    <phoneticPr fontId="1"/>
  </si>
  <si>
    <t>※小学生の素泊まりは500円で、未就学児・幼児の素泊まりは無料です。</t>
    <rPh sb="1" eb="4">
      <t>ショウガクセイ</t>
    </rPh>
    <rPh sb="5" eb="7">
      <t>スド</t>
    </rPh>
    <rPh sb="13" eb="14">
      <t>エン</t>
    </rPh>
    <rPh sb="16" eb="20">
      <t>ミシュウガクジ</t>
    </rPh>
    <rPh sb="21" eb="23">
      <t>ヨウジ</t>
    </rPh>
    <rPh sb="24" eb="26">
      <t>スド</t>
    </rPh>
    <rPh sb="29" eb="31">
      <t>ムリョウ</t>
    </rPh>
    <phoneticPr fontId="1"/>
  </si>
  <si>
    <t>F-3</t>
    <phoneticPr fontId="1"/>
  </si>
  <si>
    <t>F-4</t>
    <phoneticPr fontId="1"/>
  </si>
  <si>
    <t>F-5</t>
    <phoneticPr fontId="1"/>
  </si>
  <si>
    <t>F-6</t>
    <phoneticPr fontId="1"/>
  </si>
  <si>
    <t>F-7</t>
    <phoneticPr fontId="1"/>
  </si>
  <si>
    <t>-</t>
    <phoneticPr fontId="1"/>
  </si>
  <si>
    <t>-</t>
    <phoneticPr fontId="1"/>
  </si>
  <si>
    <t>-</t>
    <phoneticPr fontId="1"/>
  </si>
  <si>
    <t>70名</t>
    <rPh sb="2" eb="3">
      <t>メイ</t>
    </rPh>
    <phoneticPr fontId="1"/>
  </si>
  <si>
    <t>※幼児の歯ブラシやタオルは用意いたしません。布団は別途料金かかります。
※小学生添い寝不可。</t>
    <rPh sb="1" eb="3">
      <t>ヨウジ</t>
    </rPh>
    <rPh sb="4" eb="5">
      <t>ハ</t>
    </rPh>
    <rPh sb="13" eb="15">
      <t>ヨウイ</t>
    </rPh>
    <rPh sb="22" eb="24">
      <t>フトン</t>
    </rPh>
    <rPh sb="25" eb="27">
      <t>ベット</t>
    </rPh>
    <rPh sb="27" eb="29">
      <t>リョウキン</t>
    </rPh>
    <rPh sb="29" eb="31">
      <t>ベツリョウキン</t>
    </rPh>
    <rPh sb="37" eb="40">
      <t>ショウガクセイ</t>
    </rPh>
    <rPh sb="40" eb="41">
      <t>ソ</t>
    </rPh>
    <rPh sb="42" eb="43">
      <t>ネ</t>
    </rPh>
    <rPh sb="43" eb="45">
      <t>フカ</t>
    </rPh>
    <phoneticPr fontId="1"/>
  </si>
  <si>
    <t>17名</t>
    <rPh sb="2" eb="3">
      <t>メイ</t>
    </rPh>
    <phoneticPr fontId="1"/>
  </si>
  <si>
    <t>和室6畳（2名利用）</t>
    <rPh sb="0" eb="2">
      <t>ワシツ</t>
    </rPh>
    <rPh sb="3" eb="4">
      <t>ジョウ</t>
    </rPh>
    <rPh sb="6" eb="7">
      <t>メイ</t>
    </rPh>
    <rPh sb="7" eb="9">
      <t>リヨウ</t>
    </rPh>
    <phoneticPr fontId="1"/>
  </si>
  <si>
    <t>和室18畳（5名～9名）(2F)</t>
    <rPh sb="0" eb="2">
      <t>ワシツ</t>
    </rPh>
    <rPh sb="4" eb="5">
      <t>ジョウ</t>
    </rPh>
    <rPh sb="7" eb="8">
      <t>メイ</t>
    </rPh>
    <rPh sb="10" eb="11">
      <t>メイ</t>
    </rPh>
    <phoneticPr fontId="1"/>
  </si>
  <si>
    <t>和室6畳（2名～3名）(2F)</t>
    <rPh sb="0" eb="2">
      <t>ワシツ</t>
    </rPh>
    <rPh sb="3" eb="4">
      <t>ジョウ</t>
    </rPh>
    <rPh sb="6" eb="7">
      <t>メイ</t>
    </rPh>
    <rPh sb="9" eb="10">
      <t>メイ</t>
    </rPh>
    <phoneticPr fontId="1"/>
  </si>
  <si>
    <t>和室4.5畳（1名～2名）(2F)</t>
    <rPh sb="0" eb="2">
      <t>ワシツ</t>
    </rPh>
    <rPh sb="5" eb="6">
      <t>ジョウ</t>
    </rPh>
    <rPh sb="8" eb="9">
      <t>メイ</t>
    </rPh>
    <rPh sb="11" eb="12">
      <t>メイ</t>
    </rPh>
    <phoneticPr fontId="1"/>
  </si>
  <si>
    <t>和室18畳（5名～9名）(3F)</t>
    <phoneticPr fontId="1"/>
  </si>
  <si>
    <t>和室6畳（2名～3名）(3F)</t>
    <phoneticPr fontId="1"/>
  </si>
  <si>
    <t>和室4.5畳（1名～2名）(3F)</t>
    <phoneticPr fontId="1"/>
  </si>
  <si>
    <t>I-4</t>
    <phoneticPr fontId="1"/>
  </si>
  <si>
    <t>I-5</t>
    <phoneticPr fontId="1"/>
  </si>
  <si>
    <t>I-6</t>
    <phoneticPr fontId="1"/>
  </si>
  <si>
    <t>I-7</t>
    <phoneticPr fontId="1"/>
  </si>
  <si>
    <t>I-8</t>
    <phoneticPr fontId="1"/>
  </si>
  <si>
    <t>-</t>
    <phoneticPr fontId="1"/>
  </si>
  <si>
    <t>※未就児の添寝は和室のみ利用可能です。</t>
    <rPh sb="1" eb="2">
      <t>ミ</t>
    </rPh>
    <rPh sb="2" eb="3">
      <t>ジュ</t>
    </rPh>
    <rPh sb="3" eb="4">
      <t>ジ</t>
    </rPh>
    <rPh sb="5" eb="7">
      <t>ソイネ</t>
    </rPh>
    <rPh sb="8" eb="10">
      <t>ワシツ</t>
    </rPh>
    <rPh sb="12" eb="14">
      <t>リヨウ</t>
    </rPh>
    <rPh sb="14" eb="16">
      <t>カノウ</t>
    </rPh>
    <phoneticPr fontId="1"/>
  </si>
  <si>
    <t>和室6畳（2名）</t>
    <rPh sb="0" eb="2">
      <t>ワシツ</t>
    </rPh>
    <rPh sb="3" eb="4">
      <t>ジョウ</t>
    </rPh>
    <rPh sb="6" eb="7">
      <t>メイ</t>
    </rPh>
    <phoneticPr fontId="1"/>
  </si>
  <si>
    <t>和室8畳（3名）</t>
    <rPh sb="0" eb="2">
      <t>ワシツ</t>
    </rPh>
    <rPh sb="3" eb="4">
      <t>ジョウ</t>
    </rPh>
    <rPh sb="6" eb="7">
      <t>メイ</t>
    </rPh>
    <phoneticPr fontId="1"/>
  </si>
  <si>
    <t>和室10畳（4名）</t>
    <rPh sb="0" eb="2">
      <t>ワシツ</t>
    </rPh>
    <rPh sb="4" eb="5">
      <t>ジョウ</t>
    </rPh>
    <rPh sb="7" eb="8">
      <t>メイ</t>
    </rPh>
    <phoneticPr fontId="1"/>
  </si>
  <si>
    <t>和室16畳（5名～10名）</t>
    <rPh sb="0" eb="2">
      <t>ワシツ</t>
    </rPh>
    <rPh sb="4" eb="5">
      <t>ジョウ</t>
    </rPh>
    <rPh sb="7" eb="8">
      <t>メイ</t>
    </rPh>
    <rPh sb="11" eb="12">
      <t>メイ</t>
    </rPh>
    <phoneticPr fontId="1"/>
  </si>
  <si>
    <t>※和室8畳は子どもが入れば、4名まで可能。</t>
    <phoneticPr fontId="1"/>
  </si>
  <si>
    <t>ＴＥＬ：0965-38-0125</t>
    <phoneticPr fontId="1"/>
  </si>
  <si>
    <t>（未就児添寝可能）
※添寝0歳～3歳無料
※4歳～添寝素泊3,200円
※小学生は添寝不可（選手と同じ料金）です。</t>
    <phoneticPr fontId="1"/>
  </si>
  <si>
    <t>第22回ダイハツ全国小学生ＡＢＣバドミントン大会</t>
    <rPh sb="0" eb="1">
      <t>ダイ</t>
    </rPh>
    <rPh sb="3" eb="4">
      <t>カイ</t>
    </rPh>
    <rPh sb="8" eb="10">
      <t>ゼンコク</t>
    </rPh>
    <rPh sb="10" eb="13">
      <t>ショウガクセイ</t>
    </rPh>
    <rPh sb="22" eb="24">
      <t>タイカイ</t>
    </rPh>
    <phoneticPr fontId="1"/>
  </si>
  <si>
    <r>
      <rPr>
        <sz val="9"/>
        <color theme="1"/>
        <rFont val="ＭＳ Ｐゴシック"/>
        <family val="3"/>
        <charset val="128"/>
        <scheme val="minor"/>
      </rPr>
      <t>（素泊）</t>
    </r>
    <r>
      <rPr>
        <sz val="11"/>
        <color theme="1"/>
        <rFont val="ＭＳ Ｐゴシック"/>
        <family val="3"/>
        <charset val="128"/>
        <scheme val="minor"/>
      </rPr>
      <t xml:space="preserve">
4,500</t>
    </r>
    <rPh sb="1" eb="3">
      <t>スド</t>
    </rPh>
    <phoneticPr fontId="1"/>
  </si>
  <si>
    <r>
      <rPr>
        <sz val="9"/>
        <color theme="1"/>
        <rFont val="ＭＳ Ｐゴシック"/>
        <family val="3"/>
        <charset val="128"/>
        <scheme val="minor"/>
      </rPr>
      <t>（素泊）</t>
    </r>
    <r>
      <rPr>
        <sz val="11"/>
        <color theme="1"/>
        <rFont val="ＭＳ Ｐゴシック"/>
        <family val="3"/>
        <charset val="128"/>
        <scheme val="minor"/>
      </rPr>
      <t xml:space="preserve">
5,500</t>
    </r>
    <rPh sb="1" eb="3">
      <t>スド</t>
    </rPh>
    <phoneticPr fontId="1"/>
  </si>
  <si>
    <t>-</t>
    <phoneticPr fontId="1"/>
  </si>
  <si>
    <t>-</t>
    <phoneticPr fontId="1"/>
  </si>
  <si>
    <t>C-10</t>
    <phoneticPr fontId="1"/>
  </si>
  <si>
    <t>C-9</t>
    <phoneticPr fontId="1"/>
  </si>
  <si>
    <t>（0-6歳）添寝</t>
    <phoneticPr fontId="1"/>
  </si>
  <si>
    <t>（0-6歳）添寝（素泊まり）</t>
    <rPh sb="9" eb="11">
      <t>スド</t>
    </rPh>
    <phoneticPr fontId="1"/>
  </si>
  <si>
    <t>45名</t>
    <rPh sb="2" eb="3">
      <t>メイ</t>
    </rPh>
    <phoneticPr fontId="1"/>
  </si>
  <si>
    <t>４5名</t>
    <rPh sb="2" eb="3">
      <t>メイ</t>
    </rPh>
    <phoneticPr fontId="1"/>
  </si>
  <si>
    <t>3歳-未就学児添寝料金</t>
    <rPh sb="1" eb="2">
      <t>サイ</t>
    </rPh>
    <rPh sb="3" eb="7">
      <t>ミシュウガクジ</t>
    </rPh>
    <rPh sb="7" eb="8">
      <t>ソ</t>
    </rPh>
    <rPh sb="8" eb="9">
      <t>ネ</t>
    </rPh>
    <rPh sb="9" eb="11">
      <t>リョウキン</t>
    </rPh>
    <phoneticPr fontId="1"/>
  </si>
  <si>
    <t>28名</t>
    <phoneticPr fontId="1"/>
  </si>
  <si>
    <t>総合体育館より車で25分</t>
    <phoneticPr fontId="1"/>
  </si>
  <si>
    <t>八代市日奈久上西町487-1</t>
    <rPh sb="0" eb="3">
      <t>ヤツシロシ</t>
    </rPh>
    <rPh sb="3" eb="6">
      <t>ヒナグ</t>
    </rPh>
    <rPh sb="6" eb="7">
      <t>カミ</t>
    </rPh>
    <rPh sb="7" eb="8">
      <t>ニシ</t>
    </rPh>
    <rPh sb="8" eb="9">
      <t>マチ</t>
    </rPh>
    <phoneticPr fontId="1"/>
  </si>
  <si>
    <t>TEL：0965-38-0838</t>
    <phoneticPr fontId="1"/>
  </si>
  <si>
    <t>総合体育館より車で25分</t>
    <phoneticPr fontId="1"/>
  </si>
  <si>
    <t>未就学児</t>
    <rPh sb="0" eb="4">
      <t>ミシュウガクジ</t>
    </rPh>
    <phoneticPr fontId="1"/>
  </si>
  <si>
    <t>-</t>
    <phoneticPr fontId="1"/>
  </si>
  <si>
    <t>新浜旅館</t>
    <phoneticPr fontId="1"/>
  </si>
  <si>
    <t>16名</t>
    <phoneticPr fontId="1"/>
  </si>
  <si>
    <t>和室
（トイレ・洗面所付き）</t>
    <phoneticPr fontId="1"/>
  </si>
  <si>
    <t>M-1</t>
    <phoneticPr fontId="1"/>
  </si>
  <si>
    <t>M-2</t>
    <phoneticPr fontId="1"/>
  </si>
  <si>
    <t>無し</t>
    <phoneticPr fontId="1"/>
  </si>
  <si>
    <t>無し</t>
    <phoneticPr fontId="1"/>
  </si>
  <si>
    <t>小学生及び幼児料金</t>
    <rPh sb="0" eb="3">
      <t>ショウガクセイ</t>
    </rPh>
    <rPh sb="3" eb="4">
      <t>オヨ</t>
    </rPh>
    <rPh sb="5" eb="7">
      <t>ヨウジ</t>
    </rPh>
    <rPh sb="7" eb="9">
      <t>リョウキ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ＭＳ Ｐゴシック"/>
      <family val="3"/>
      <charset val="128"/>
      <scheme val="minor"/>
    </font>
    <font>
      <sz val="9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color theme="1"/>
      <name val="ＭＳ Ｐゴシック"/>
      <family val="2"/>
      <charset val="128"/>
      <scheme val="minor"/>
    </font>
    <font>
      <sz val="8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11"/>
      <color rgb="FFFF0000"/>
      <name val="ＭＳ Ｐゴシック"/>
      <family val="2"/>
      <charset val="128"/>
      <scheme val="minor"/>
    </font>
    <font>
      <sz val="11"/>
      <color rgb="FFFF0000"/>
      <name val="ＭＳ Ｐゴシック"/>
      <family val="3"/>
      <charset val="128"/>
      <scheme val="minor"/>
    </font>
    <font>
      <sz val="9"/>
      <name val="ＭＳ Ｐゴシック"/>
      <family val="2"/>
      <charset val="128"/>
      <scheme val="minor"/>
    </font>
    <font>
      <sz val="9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  <font>
      <sz val="10"/>
      <name val="ＭＳ Ｐゴシック"/>
      <family val="3"/>
      <charset val="128"/>
      <scheme val="minor"/>
    </font>
    <font>
      <sz val="1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6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38" fontId="6" fillId="0" borderId="0" applyFont="0" applyFill="0" applyBorder="0" applyAlignment="0" applyProtection="0">
      <alignment vertical="center"/>
    </xf>
  </cellStyleXfs>
  <cellXfs count="295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right" vertical="center"/>
    </xf>
    <xf numFmtId="56" fontId="0" fillId="0" borderId="1" xfId="0" applyNumberFormat="1" applyBorder="1">
      <alignment vertical="center"/>
    </xf>
    <xf numFmtId="0" fontId="0" fillId="0" borderId="4" xfId="0" applyBorder="1">
      <alignment vertical="center"/>
    </xf>
    <xf numFmtId="0" fontId="0" fillId="0" borderId="0" xfId="0" applyBorder="1">
      <alignment vertical="center"/>
    </xf>
    <xf numFmtId="0" fontId="0" fillId="0" borderId="10" xfId="0" applyFill="1" applyBorder="1" applyAlignment="1">
      <alignment horizontal="right" vertical="center"/>
    </xf>
    <xf numFmtId="0" fontId="0" fillId="0" borderId="11" xfId="0" applyBorder="1" applyAlignment="1">
      <alignment horizontal="right" vertical="center"/>
    </xf>
    <xf numFmtId="0" fontId="0" fillId="0" borderId="12" xfId="0" applyFill="1" applyBorder="1" applyAlignment="1">
      <alignment horizontal="right" vertical="center"/>
    </xf>
    <xf numFmtId="0" fontId="0" fillId="0" borderId="0" xfId="0" applyBorder="1" applyAlignment="1">
      <alignment horizontal="right" vertical="center"/>
    </xf>
    <xf numFmtId="0" fontId="0" fillId="0" borderId="12" xfId="0" applyFill="1" applyBorder="1">
      <alignment vertical="center"/>
    </xf>
    <xf numFmtId="0" fontId="0" fillId="0" borderId="10" xfId="0" applyFill="1" applyBorder="1">
      <alignment vertical="center"/>
    </xf>
    <xf numFmtId="0" fontId="0" fillId="0" borderId="9" xfId="0" applyFill="1" applyBorder="1">
      <alignment vertical="center"/>
    </xf>
    <xf numFmtId="0" fontId="0" fillId="0" borderId="3" xfId="0" applyFill="1" applyBorder="1" applyAlignment="1">
      <alignment horizontal="right" vertical="center"/>
    </xf>
    <xf numFmtId="0" fontId="0" fillId="0" borderId="3" xfId="0" applyBorder="1" applyAlignment="1">
      <alignment horizontal="right" vertical="center"/>
    </xf>
    <xf numFmtId="0" fontId="0" fillId="0" borderId="1" xfId="0" applyFill="1" applyBorder="1" applyAlignment="1">
      <alignment horizontal="right" vertical="center"/>
    </xf>
    <xf numFmtId="0" fontId="0" fillId="0" borderId="7" xfId="0" applyBorder="1" applyAlignment="1">
      <alignment horizontal="right" vertical="center"/>
    </xf>
    <xf numFmtId="0" fontId="0" fillId="0" borderId="10" xfId="0" applyBorder="1">
      <alignment vertical="center"/>
    </xf>
    <xf numFmtId="0" fontId="0" fillId="0" borderId="10" xfId="0" applyBorder="1" applyAlignment="1">
      <alignment horizontal="right" vertical="center"/>
    </xf>
    <xf numFmtId="0" fontId="0" fillId="0" borderId="9" xfId="0" applyBorder="1" applyAlignment="1">
      <alignment horizontal="right" vertical="center"/>
    </xf>
    <xf numFmtId="0" fontId="0" fillId="0" borderId="4" xfId="0" applyBorder="1" applyAlignment="1">
      <alignment horizontal="right" vertical="center"/>
    </xf>
    <xf numFmtId="0" fontId="0" fillId="0" borderId="9" xfId="0" applyFill="1" applyBorder="1" applyAlignment="1">
      <alignment horizontal="right" vertical="center"/>
    </xf>
    <xf numFmtId="0" fontId="0" fillId="0" borderId="4" xfId="0" applyFill="1" applyBorder="1" applyAlignment="1">
      <alignment horizontal="right" vertical="center"/>
    </xf>
    <xf numFmtId="0" fontId="0" fillId="0" borderId="5" xfId="0" applyFill="1" applyBorder="1" applyAlignment="1">
      <alignment horizontal="right" vertical="center"/>
    </xf>
    <xf numFmtId="0" fontId="3" fillId="0" borderId="1" xfId="0" applyFont="1" applyBorder="1" applyAlignment="1">
      <alignment horizontal="right" vertical="center"/>
    </xf>
    <xf numFmtId="0" fontId="2" fillId="0" borderId="1" xfId="0" applyFont="1" applyBorder="1" applyAlignment="1">
      <alignment horizontal="right" vertical="center"/>
    </xf>
    <xf numFmtId="0" fontId="0" fillId="0" borderId="1" xfId="0" applyFont="1" applyBorder="1" applyAlignment="1">
      <alignment horizontal="right" vertical="center"/>
    </xf>
    <xf numFmtId="0" fontId="4" fillId="0" borderId="1" xfId="0" applyFont="1" applyBorder="1" applyAlignment="1">
      <alignment horizontal="right" vertical="center"/>
    </xf>
    <xf numFmtId="0" fontId="0" fillId="0" borderId="5" xfId="0" applyBorder="1" applyAlignment="1">
      <alignment horizontal="right" vertical="center"/>
    </xf>
    <xf numFmtId="0" fontId="10" fillId="0" borderId="0" xfId="0" applyFont="1">
      <alignment vertical="center"/>
    </xf>
    <xf numFmtId="0" fontId="12" fillId="0" borderId="4" xfId="0" applyFont="1" applyBorder="1" applyAlignment="1">
      <alignment horizontal="right" vertical="center"/>
    </xf>
    <xf numFmtId="0" fontId="12" fillId="0" borderId="5" xfId="0" applyFont="1" applyBorder="1" applyAlignment="1">
      <alignment horizontal="right" vertical="center"/>
    </xf>
    <xf numFmtId="0" fontId="12" fillId="0" borderId="0" xfId="0" applyFont="1" applyBorder="1" applyAlignment="1">
      <alignment horizontal="right" vertical="center"/>
    </xf>
    <xf numFmtId="0" fontId="12" fillId="0" borderId="0" xfId="0" applyFont="1" applyBorder="1">
      <alignment vertical="center"/>
    </xf>
    <xf numFmtId="0" fontId="12" fillId="0" borderId="7" xfId="0" applyFont="1" applyBorder="1">
      <alignment vertical="center"/>
    </xf>
    <xf numFmtId="0" fontId="12" fillId="0" borderId="0" xfId="0" applyFont="1">
      <alignment vertical="center"/>
    </xf>
    <xf numFmtId="0" fontId="12" fillId="0" borderId="4" xfId="0" applyFont="1" applyBorder="1">
      <alignment vertical="center"/>
    </xf>
    <xf numFmtId="0" fontId="12" fillId="0" borderId="9" xfId="0" applyFont="1" applyBorder="1">
      <alignment vertical="center"/>
    </xf>
    <xf numFmtId="0" fontId="12" fillId="0" borderId="5" xfId="0" applyFont="1" applyBorder="1">
      <alignment vertical="center"/>
    </xf>
    <xf numFmtId="0" fontId="12" fillId="0" borderId="10" xfId="0" applyFont="1" applyBorder="1">
      <alignment vertical="center"/>
    </xf>
    <xf numFmtId="0" fontId="12" fillId="0" borderId="8" xfId="0" applyFont="1" applyBorder="1">
      <alignment vertical="center"/>
    </xf>
    <xf numFmtId="0" fontId="13" fillId="0" borderId="1" xfId="0" applyFont="1" applyBorder="1" applyAlignment="1">
      <alignment horizontal="center" vertical="center"/>
    </xf>
    <xf numFmtId="0" fontId="14" fillId="0" borderId="1" xfId="0" applyFont="1" applyBorder="1" applyAlignment="1">
      <alignment horizontal="center" vertical="center"/>
    </xf>
    <xf numFmtId="20" fontId="15" fillId="0" borderId="3" xfId="0" applyNumberFormat="1" applyFont="1" applyBorder="1">
      <alignment vertical="center"/>
    </xf>
    <xf numFmtId="20" fontId="15" fillId="0" borderId="11" xfId="0" applyNumberFormat="1" applyFont="1" applyBorder="1">
      <alignment vertical="center"/>
    </xf>
    <xf numFmtId="20" fontId="15" fillId="0" borderId="12" xfId="0" applyNumberFormat="1" applyFont="1" applyBorder="1">
      <alignment vertical="center"/>
    </xf>
    <xf numFmtId="20" fontId="15" fillId="0" borderId="13" xfId="0" applyNumberFormat="1" applyFont="1" applyBorder="1">
      <alignment vertical="center"/>
    </xf>
    <xf numFmtId="0" fontId="15" fillId="0" borderId="6" xfId="0" applyFont="1" applyBorder="1">
      <alignment vertical="center"/>
    </xf>
    <xf numFmtId="0" fontId="15" fillId="0" borderId="0" xfId="0" applyFont="1" applyBorder="1">
      <alignment vertical="center"/>
    </xf>
    <xf numFmtId="0" fontId="5" fillId="0" borderId="1" xfId="0" applyFont="1" applyBorder="1" applyAlignment="1">
      <alignment horizontal="right" vertical="center" wrapText="1"/>
    </xf>
    <xf numFmtId="0" fontId="5" fillId="0" borderId="1" xfId="0" applyFont="1" applyBorder="1" applyAlignment="1">
      <alignment horizontal="right" vertical="center"/>
    </xf>
    <xf numFmtId="0" fontId="8" fillId="0" borderId="1" xfId="0" applyFont="1" applyFill="1" applyBorder="1" applyAlignment="1">
      <alignment horizontal="right" vertical="center" wrapText="1"/>
    </xf>
    <xf numFmtId="0" fontId="12" fillId="0" borderId="7" xfId="0" applyFont="1" applyBorder="1" applyAlignment="1">
      <alignment horizontal="right" vertical="center"/>
    </xf>
    <xf numFmtId="0" fontId="12" fillId="0" borderId="3" xfId="0" applyFont="1" applyBorder="1" applyAlignment="1">
      <alignment vertical="center"/>
    </xf>
    <xf numFmtId="0" fontId="12" fillId="0" borderId="4" xfId="0" applyFont="1" applyBorder="1" applyAlignment="1">
      <alignment vertical="center"/>
    </xf>
    <xf numFmtId="0" fontId="12" fillId="0" borderId="5" xfId="0" applyFont="1" applyBorder="1" applyAlignment="1">
      <alignment vertical="center"/>
    </xf>
    <xf numFmtId="0" fontId="15" fillId="0" borderId="3" xfId="0" applyFont="1" applyBorder="1" applyAlignment="1">
      <alignment horizontal="center" vertical="center"/>
    </xf>
    <xf numFmtId="0" fontId="16" fillId="0" borderId="3" xfId="0" applyFont="1" applyBorder="1" applyAlignment="1">
      <alignment horizontal="center" vertical="center"/>
    </xf>
    <xf numFmtId="0" fontId="15" fillId="0" borderId="3" xfId="0" applyFont="1" applyBorder="1" applyAlignment="1">
      <alignment horizontal="right" vertical="center"/>
    </xf>
    <xf numFmtId="0" fontId="15" fillId="0" borderId="11" xfId="0" applyFont="1" applyBorder="1" applyAlignment="1">
      <alignment horizontal="right" vertical="center"/>
    </xf>
    <xf numFmtId="0" fontId="15" fillId="0" borderId="4" xfId="0" applyFont="1" applyBorder="1" applyAlignment="1">
      <alignment horizontal="right" vertical="center"/>
    </xf>
    <xf numFmtId="0" fontId="15" fillId="0" borderId="0" xfId="0" applyFont="1" applyBorder="1" applyAlignment="1">
      <alignment horizontal="right" vertical="center"/>
    </xf>
    <xf numFmtId="0" fontId="15" fillId="0" borderId="7" xfId="0" applyFont="1" applyBorder="1" applyAlignment="1">
      <alignment horizontal="right" vertical="center"/>
    </xf>
    <xf numFmtId="0" fontId="15" fillId="0" borderId="5" xfId="0" applyFont="1" applyBorder="1" applyAlignment="1">
      <alignment horizontal="right" vertical="center"/>
    </xf>
    <xf numFmtId="0" fontId="15" fillId="0" borderId="4" xfId="0" applyFont="1" applyBorder="1">
      <alignment vertical="center"/>
    </xf>
    <xf numFmtId="0" fontId="12" fillId="0" borderId="6" xfId="0" applyFont="1" applyBorder="1">
      <alignment vertical="center"/>
    </xf>
    <xf numFmtId="0" fontId="15" fillId="0" borderId="12" xfId="0" applyFont="1" applyBorder="1" applyAlignment="1">
      <alignment horizontal="right" vertical="center"/>
    </xf>
    <xf numFmtId="20" fontId="15" fillId="0" borderId="0" xfId="0" applyNumberFormat="1" applyFont="1" applyBorder="1">
      <alignment vertical="center"/>
    </xf>
    <xf numFmtId="0" fontId="0" fillId="0" borderId="1" xfId="0" applyBorder="1" applyAlignment="1">
      <alignment horizontal="center" vertical="center"/>
    </xf>
    <xf numFmtId="20" fontId="15" fillId="0" borderId="6" xfId="0" applyNumberFormat="1" applyFont="1" applyBorder="1">
      <alignment vertical="center"/>
    </xf>
    <xf numFmtId="0" fontId="12" fillId="0" borderId="9" xfId="0" applyFont="1" applyBorder="1" applyAlignment="1">
      <alignment horizontal="right" vertical="center"/>
    </xf>
    <xf numFmtId="0" fontId="15" fillId="0" borderId="0" xfId="0" applyFont="1">
      <alignment vertical="center"/>
    </xf>
    <xf numFmtId="0" fontId="14" fillId="0" borderId="4" xfId="0" applyFont="1" applyBorder="1" applyAlignment="1">
      <alignment horizontal="right" vertical="center"/>
    </xf>
    <xf numFmtId="0" fontId="0" fillId="0" borderId="31" xfId="0" applyBorder="1" applyAlignment="1">
      <alignment horizontal="center" vertical="center"/>
    </xf>
    <xf numFmtId="0" fontId="0" fillId="0" borderId="12" xfId="0" applyBorder="1">
      <alignment vertical="center"/>
    </xf>
    <xf numFmtId="0" fontId="0" fillId="0" borderId="9" xfId="0" applyBorder="1">
      <alignment vertical="center"/>
    </xf>
    <xf numFmtId="0" fontId="12" fillId="0" borderId="10" xfId="0" applyFont="1" applyBorder="1" applyAlignment="1">
      <alignment horizontal="right" vertical="center"/>
    </xf>
    <xf numFmtId="0" fontId="0" fillId="0" borderId="27" xfId="0" applyBorder="1" applyAlignment="1">
      <alignment horizontal="right" vertical="center"/>
    </xf>
    <xf numFmtId="0" fontId="0" fillId="0" borderId="26" xfId="0" applyBorder="1">
      <alignment vertical="center"/>
    </xf>
    <xf numFmtId="0" fontId="0" fillId="0" borderId="34" xfId="0" applyBorder="1">
      <alignment vertical="center"/>
    </xf>
    <xf numFmtId="0" fontId="15" fillId="0" borderId="0" xfId="0" applyFont="1" applyFill="1" applyBorder="1" applyAlignment="1">
      <alignment horizontal="left" vertical="center"/>
    </xf>
    <xf numFmtId="0" fontId="0" fillId="0" borderId="35" xfId="0" applyBorder="1">
      <alignment vertical="center"/>
    </xf>
    <xf numFmtId="0" fontId="0" fillId="0" borderId="18" xfId="0" applyBorder="1">
      <alignment vertical="center"/>
    </xf>
    <xf numFmtId="0" fontId="11" fillId="0" borderId="18" xfId="0" applyFont="1" applyBorder="1">
      <alignment vertical="center"/>
    </xf>
    <xf numFmtId="0" fontId="0" fillId="0" borderId="32" xfId="0" applyBorder="1">
      <alignment vertical="center"/>
    </xf>
    <xf numFmtId="0" fontId="15" fillId="0" borderId="19" xfId="0" applyFont="1" applyBorder="1" applyAlignment="1">
      <alignment horizontal="center" vertical="center"/>
    </xf>
    <xf numFmtId="0" fontId="15" fillId="0" borderId="19" xfId="0" applyFont="1" applyBorder="1" applyAlignment="1">
      <alignment horizontal="right" vertical="center"/>
    </xf>
    <xf numFmtId="0" fontId="15" fillId="0" borderId="20" xfId="0" applyFont="1" applyBorder="1" applyAlignment="1">
      <alignment horizontal="right" vertical="center"/>
    </xf>
    <xf numFmtId="0" fontId="12" fillId="0" borderId="21" xfId="0" applyFont="1" applyBorder="1" applyAlignment="1">
      <alignment horizontal="right" vertical="center"/>
    </xf>
    <xf numFmtId="0" fontId="15" fillId="0" borderId="37" xfId="0" applyFont="1" applyBorder="1" applyAlignment="1">
      <alignment horizontal="right" vertical="center"/>
    </xf>
    <xf numFmtId="0" fontId="12" fillId="0" borderId="38" xfId="0" applyFont="1" applyBorder="1" applyAlignment="1">
      <alignment horizontal="right" vertical="center"/>
    </xf>
    <xf numFmtId="0" fontId="12" fillId="0" borderId="39" xfId="0" applyFont="1" applyBorder="1" applyAlignment="1">
      <alignment horizontal="right" vertical="center"/>
    </xf>
    <xf numFmtId="0" fontId="15" fillId="0" borderId="38" xfId="0" applyFont="1" applyBorder="1" applyAlignment="1">
      <alignment horizontal="right" vertical="center"/>
    </xf>
    <xf numFmtId="0" fontId="15" fillId="0" borderId="39" xfId="0" applyFont="1" applyBorder="1" applyAlignment="1">
      <alignment horizontal="right" vertical="center"/>
    </xf>
    <xf numFmtId="0" fontId="12" fillId="0" borderId="38" xfId="0" applyFont="1" applyBorder="1">
      <alignment vertical="center"/>
    </xf>
    <xf numFmtId="0" fontId="12" fillId="0" borderId="26" xfId="0" applyFont="1" applyBorder="1">
      <alignment vertical="center"/>
    </xf>
    <xf numFmtId="0" fontId="12" fillId="0" borderId="34" xfId="0" applyFont="1" applyBorder="1">
      <alignment vertical="center"/>
    </xf>
    <xf numFmtId="0" fontId="7" fillId="0" borderId="0" xfId="0" applyFont="1">
      <alignment vertical="center"/>
    </xf>
    <xf numFmtId="0" fontId="18" fillId="0" borderId="0" xfId="0" applyFont="1">
      <alignment vertical="center"/>
    </xf>
    <xf numFmtId="0" fontId="7" fillId="0" borderId="15" xfId="0" applyFont="1" applyBorder="1" applyAlignment="1">
      <alignment vertical="center"/>
    </xf>
    <xf numFmtId="0" fontId="7" fillId="0" borderId="17" xfId="0" applyFont="1" applyBorder="1" applyAlignment="1">
      <alignment vertical="center"/>
    </xf>
    <xf numFmtId="0" fontId="7" fillId="0" borderId="18" xfId="0" applyFont="1" applyBorder="1" applyAlignment="1">
      <alignment horizontal="center" vertical="center"/>
    </xf>
    <xf numFmtId="0" fontId="7" fillId="0" borderId="0" xfId="0" applyFont="1" applyBorder="1">
      <alignment vertical="center"/>
    </xf>
    <xf numFmtId="0" fontId="9" fillId="0" borderId="0" xfId="0" applyFont="1" applyAlignment="1">
      <alignment horizontal="left" vertical="top"/>
    </xf>
    <xf numFmtId="0" fontId="0" fillId="0" borderId="5" xfId="0" applyBorder="1">
      <alignment vertical="center"/>
    </xf>
    <xf numFmtId="0" fontId="0" fillId="0" borderId="7" xfId="0" applyBorder="1">
      <alignment vertical="center"/>
    </xf>
    <xf numFmtId="0" fontId="12" fillId="0" borderId="39" xfId="0" applyFont="1" applyBorder="1">
      <alignment vertical="center"/>
    </xf>
    <xf numFmtId="0" fontId="0" fillId="0" borderId="2" xfId="0" applyFill="1" applyBorder="1" applyAlignment="1">
      <alignment horizontal="right" vertical="center"/>
    </xf>
    <xf numFmtId="0" fontId="15" fillId="0" borderId="10" xfId="0" applyFont="1" applyBorder="1" applyAlignment="1">
      <alignment horizontal="right" vertical="center"/>
    </xf>
    <xf numFmtId="0" fontId="0" fillId="0" borderId="46" xfId="0" applyFill="1" applyBorder="1" applyAlignment="1">
      <alignment horizontal="right" vertical="center"/>
    </xf>
    <xf numFmtId="0" fontId="12" fillId="0" borderId="30" xfId="0" applyFont="1" applyBorder="1" applyAlignment="1">
      <alignment horizontal="right" vertical="center"/>
    </xf>
    <xf numFmtId="0" fontId="12" fillId="0" borderId="26" xfId="0" applyFont="1" applyBorder="1" applyAlignment="1">
      <alignment horizontal="right" vertical="center"/>
    </xf>
    <xf numFmtId="0" fontId="12" fillId="0" borderId="34" xfId="0" applyFont="1" applyBorder="1" applyAlignment="1">
      <alignment horizontal="right" vertical="center"/>
    </xf>
    <xf numFmtId="0" fontId="12" fillId="0" borderId="40" xfId="0" applyFont="1" applyBorder="1" applyAlignment="1">
      <alignment horizontal="right" vertical="center"/>
    </xf>
    <xf numFmtId="0" fontId="0" fillId="0" borderId="3" xfId="0" applyFill="1" applyBorder="1">
      <alignment vertical="center"/>
    </xf>
    <xf numFmtId="0" fontId="0" fillId="0" borderId="4" xfId="0" applyFill="1" applyBorder="1">
      <alignment vertical="center"/>
    </xf>
    <xf numFmtId="0" fontId="18" fillId="0" borderId="0" xfId="0" applyFont="1" applyAlignment="1">
      <alignment vertical="center" shrinkToFit="1"/>
    </xf>
    <xf numFmtId="0" fontId="7" fillId="0" borderId="16" xfId="0" applyFont="1" applyBorder="1" applyAlignment="1">
      <alignment vertical="center" shrinkToFit="1"/>
    </xf>
    <xf numFmtId="0" fontId="7" fillId="0" borderId="23" xfId="0" applyFont="1" applyBorder="1" applyAlignment="1">
      <alignment horizontal="center" vertical="center" shrinkToFit="1"/>
    </xf>
    <xf numFmtId="0" fontId="7" fillId="0" borderId="0" xfId="0" applyFont="1" applyAlignment="1">
      <alignment vertical="center" shrinkToFit="1"/>
    </xf>
    <xf numFmtId="0" fontId="7" fillId="0" borderId="34" xfId="0" applyFont="1" applyBorder="1" applyAlignment="1">
      <alignment vertical="center"/>
    </xf>
    <xf numFmtId="0" fontId="9" fillId="0" borderId="49" xfId="0" applyFont="1" applyBorder="1" applyAlignment="1">
      <alignment horizontal="left" vertical="top"/>
    </xf>
    <xf numFmtId="0" fontId="7" fillId="0" borderId="50" xfId="0" applyFont="1" applyBorder="1" applyAlignment="1">
      <alignment horizontal="center" vertical="top"/>
    </xf>
    <xf numFmtId="0" fontId="7" fillId="0" borderId="27" xfId="0" applyFont="1" applyBorder="1">
      <alignment vertical="center"/>
    </xf>
    <xf numFmtId="0" fontId="7" fillId="0" borderId="28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26" xfId="0" applyFont="1" applyFill="1" applyBorder="1" applyAlignment="1">
      <alignment horizontal="center" vertical="center"/>
    </xf>
    <xf numFmtId="0" fontId="7" fillId="0" borderId="5" xfId="0" applyFont="1" applyBorder="1" applyAlignment="1">
      <alignment horizontal="center" vertical="center"/>
    </xf>
    <xf numFmtId="0" fontId="7" fillId="0" borderId="26" xfId="0" applyFont="1" applyBorder="1" applyAlignment="1">
      <alignment horizontal="center" vertical="center"/>
    </xf>
    <xf numFmtId="0" fontId="7" fillId="0" borderId="27" xfId="0" applyFont="1" applyBorder="1" applyAlignment="1">
      <alignment horizontal="center" vertical="center"/>
    </xf>
    <xf numFmtId="38" fontId="7" fillId="0" borderId="5" xfId="1" applyFont="1" applyBorder="1" applyAlignment="1">
      <alignment horizontal="center" vertical="center"/>
    </xf>
    <xf numFmtId="38" fontId="7" fillId="0" borderId="1" xfId="1" applyFont="1" applyBorder="1" applyAlignment="1">
      <alignment horizontal="center" vertical="center"/>
    </xf>
    <xf numFmtId="38" fontId="7" fillId="0" borderId="18" xfId="1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1" xfId="0" applyFont="1" applyFill="1" applyBorder="1" applyAlignment="1">
      <alignment vertical="center"/>
    </xf>
    <xf numFmtId="0" fontId="9" fillId="0" borderId="38" xfId="0" applyFont="1" applyBorder="1" applyAlignment="1">
      <alignment horizontal="left" vertical="top"/>
    </xf>
    <xf numFmtId="0" fontId="7" fillId="0" borderId="23" xfId="0" applyFont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8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38" fontId="7" fillId="0" borderId="27" xfId="1" applyFont="1" applyBorder="1" applyAlignment="1">
      <alignment horizontal="center" vertical="center"/>
    </xf>
    <xf numFmtId="38" fontId="7" fillId="0" borderId="4" xfId="1" applyFont="1" applyBorder="1" applyAlignment="1">
      <alignment horizontal="center" vertical="center"/>
    </xf>
    <xf numFmtId="38" fontId="7" fillId="0" borderId="26" xfId="1" applyFont="1" applyBorder="1" applyAlignment="1">
      <alignment horizontal="center" vertical="center"/>
    </xf>
    <xf numFmtId="38" fontId="7" fillId="0" borderId="26" xfId="1" applyFont="1" applyFill="1" applyBorder="1" applyAlignment="1">
      <alignment horizontal="center" vertical="center"/>
    </xf>
    <xf numFmtId="0" fontId="7" fillId="0" borderId="44" xfId="0" applyFont="1" applyFill="1" applyBorder="1">
      <alignment vertical="center"/>
    </xf>
    <xf numFmtId="0" fontId="7" fillId="0" borderId="24" xfId="0" applyFont="1" applyBorder="1" applyAlignment="1">
      <alignment horizontal="center" vertical="center" shrinkToFit="1"/>
    </xf>
    <xf numFmtId="0" fontId="4" fillId="0" borderId="28" xfId="0" applyFont="1" applyFill="1" applyBorder="1" applyAlignment="1">
      <alignment vertical="center"/>
    </xf>
    <xf numFmtId="0" fontId="7" fillId="0" borderId="6" xfId="0" applyFont="1" applyBorder="1">
      <alignment vertical="center"/>
    </xf>
    <xf numFmtId="0" fontId="9" fillId="0" borderId="4" xfId="0" applyFont="1" applyBorder="1" applyAlignment="1">
      <alignment vertical="top" wrapText="1" shrinkToFit="1"/>
    </xf>
    <xf numFmtId="0" fontId="4" fillId="0" borderId="1" xfId="0" applyFont="1" applyFill="1" applyBorder="1" applyAlignment="1">
      <alignment vertical="center" shrinkToFit="1"/>
    </xf>
    <xf numFmtId="0" fontId="7" fillId="0" borderId="6" xfId="0" applyFont="1" applyBorder="1" applyAlignment="1">
      <alignment horizontal="left" vertical="center"/>
    </xf>
    <xf numFmtId="0" fontId="9" fillId="0" borderId="26" xfId="0" applyFont="1" applyBorder="1" applyAlignment="1">
      <alignment vertical="top" wrapText="1" shrinkToFit="1"/>
    </xf>
    <xf numFmtId="0" fontId="7" fillId="0" borderId="3" xfId="0" applyFont="1" applyBorder="1" applyAlignment="1">
      <alignment vertical="center" shrinkToFit="1"/>
    </xf>
    <xf numFmtId="38" fontId="7" fillId="0" borderId="3" xfId="1" applyFont="1" applyBorder="1" applyAlignment="1">
      <alignment horizontal="center" vertical="center"/>
    </xf>
    <xf numFmtId="0" fontId="7" fillId="0" borderId="59" xfId="0" applyFont="1" applyFill="1" applyBorder="1">
      <alignment vertical="center"/>
    </xf>
    <xf numFmtId="0" fontId="7" fillId="0" borderId="6" xfId="0" applyFont="1" applyFill="1" applyBorder="1">
      <alignment vertical="center"/>
    </xf>
    <xf numFmtId="0" fontId="7" fillId="0" borderId="61" xfId="0" applyFont="1" applyFill="1" applyBorder="1" applyAlignment="1">
      <alignment horizontal="left" vertical="center"/>
    </xf>
    <xf numFmtId="0" fontId="7" fillId="0" borderId="26" xfId="0" applyFont="1" applyFill="1" applyBorder="1" applyAlignment="1">
      <alignment vertical="center"/>
    </xf>
    <xf numFmtId="0" fontId="7" fillId="0" borderId="5" xfId="0" applyFont="1" applyBorder="1" applyAlignment="1">
      <alignment horizontal="left" vertical="center" wrapText="1"/>
    </xf>
    <xf numFmtId="0" fontId="7" fillId="0" borderId="1" xfId="0" applyFont="1" applyBorder="1" applyAlignment="1">
      <alignment horizontal="left" vertical="center"/>
    </xf>
    <xf numFmtId="0" fontId="7" fillId="0" borderId="1" xfId="0" applyFont="1" applyBorder="1" applyAlignment="1">
      <alignment horizontal="left" vertical="center" wrapText="1"/>
    </xf>
    <xf numFmtId="38" fontId="7" fillId="0" borderId="1" xfId="1" applyFont="1" applyFill="1" applyBorder="1" applyAlignment="1">
      <alignment horizontal="center" vertical="center"/>
    </xf>
    <xf numFmtId="0" fontId="7" fillId="0" borderId="3" xfId="0" applyFont="1" applyBorder="1" applyAlignment="1">
      <alignment horizontal="left" vertical="center" wrapText="1"/>
    </xf>
    <xf numFmtId="0" fontId="7" fillId="0" borderId="6" xfId="0" applyFont="1" applyFill="1" applyBorder="1" applyAlignment="1">
      <alignment horizontal="left" vertical="center"/>
    </xf>
    <xf numFmtId="0" fontId="7" fillId="0" borderId="3" xfId="0" applyFont="1" applyBorder="1" applyAlignment="1">
      <alignment vertical="center"/>
    </xf>
    <xf numFmtId="38" fontId="7" fillId="0" borderId="3" xfId="1" applyFont="1" applyFill="1" applyBorder="1" applyAlignment="1">
      <alignment horizontal="center" vertical="center"/>
    </xf>
    <xf numFmtId="0" fontId="7" fillId="0" borderId="18" xfId="0" applyFont="1" applyFill="1" applyBorder="1" applyAlignment="1">
      <alignment vertical="center"/>
    </xf>
    <xf numFmtId="38" fontId="7" fillId="0" borderId="18" xfId="1" applyFont="1" applyFill="1" applyBorder="1" applyAlignment="1">
      <alignment horizontal="center" vertical="center"/>
    </xf>
    <xf numFmtId="0" fontId="7" fillId="0" borderId="5" xfId="0" applyFont="1" applyFill="1" applyBorder="1" applyAlignment="1">
      <alignment vertical="center"/>
    </xf>
    <xf numFmtId="0" fontId="7" fillId="0" borderId="61" xfId="0" applyFont="1" applyFill="1" applyBorder="1">
      <alignment vertical="center"/>
    </xf>
    <xf numFmtId="0" fontId="7" fillId="0" borderId="4" xfId="0" applyFont="1" applyFill="1" applyBorder="1" applyAlignment="1">
      <alignment horizontal="center" vertical="center" shrinkToFit="1"/>
    </xf>
    <xf numFmtId="0" fontId="7" fillId="0" borderId="3" xfId="0" applyFont="1" applyFill="1" applyBorder="1" applyAlignment="1">
      <alignment vertical="center"/>
    </xf>
    <xf numFmtId="0" fontId="7" fillId="0" borderId="5" xfId="0" applyFont="1" applyFill="1" applyBorder="1">
      <alignment vertical="center"/>
    </xf>
    <xf numFmtId="0" fontId="7" fillId="0" borderId="1" xfId="0" applyFont="1" applyFill="1" applyBorder="1">
      <alignment vertical="center"/>
    </xf>
    <xf numFmtId="38" fontId="7" fillId="0" borderId="3" xfId="1" applyFont="1" applyBorder="1" applyAlignment="1">
      <alignment horizontal="center" vertical="center"/>
    </xf>
    <xf numFmtId="0" fontId="7" fillId="0" borderId="1" xfId="0" applyFont="1" applyBorder="1">
      <alignment vertical="center"/>
    </xf>
    <xf numFmtId="0" fontId="7" fillId="0" borderId="3" xfId="0" applyFont="1" applyBorder="1">
      <alignment vertical="center"/>
    </xf>
    <xf numFmtId="0" fontId="7" fillId="0" borderId="60" xfId="0" applyFont="1" applyFill="1" applyBorder="1">
      <alignment vertical="center"/>
    </xf>
    <xf numFmtId="0" fontId="7" fillId="0" borderId="18" xfId="0" applyFont="1" applyFill="1" applyBorder="1" applyAlignment="1">
      <alignment horizontal="left" vertical="center"/>
    </xf>
    <xf numFmtId="38" fontId="7" fillId="0" borderId="42" xfId="1" applyFont="1" applyBorder="1" applyAlignment="1">
      <alignment horizontal="center" vertical="center"/>
    </xf>
    <xf numFmtId="0" fontId="7" fillId="0" borderId="0" xfId="0" applyFont="1" applyBorder="1" applyAlignment="1">
      <alignment horizontal="right" vertical="center"/>
    </xf>
    <xf numFmtId="0" fontId="7" fillId="0" borderId="0" xfId="0" applyFont="1" applyFill="1" applyBorder="1">
      <alignment vertical="center"/>
    </xf>
    <xf numFmtId="0" fontId="7" fillId="0" borderId="1" xfId="0" applyFont="1" applyFill="1" applyBorder="1" applyAlignment="1">
      <alignment horizontal="left" vertical="center"/>
    </xf>
    <xf numFmtId="0" fontId="7" fillId="0" borderId="34" xfId="0" applyFont="1" applyFill="1" applyBorder="1">
      <alignment vertical="center"/>
    </xf>
    <xf numFmtId="0" fontId="7" fillId="0" borderId="18" xfId="0" applyFont="1" applyBorder="1">
      <alignment vertical="center"/>
    </xf>
    <xf numFmtId="0" fontId="7" fillId="0" borderId="1" xfId="0" applyFont="1" applyBorder="1" applyAlignment="1">
      <alignment vertical="center" wrapText="1" shrinkToFit="1"/>
    </xf>
    <xf numFmtId="0" fontId="7" fillId="0" borderId="6" xfId="0" applyFont="1" applyBorder="1" applyAlignment="1">
      <alignment vertical="center" shrinkToFit="1"/>
    </xf>
    <xf numFmtId="0" fontId="4" fillId="0" borderId="45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1" xfId="0" applyFont="1" applyBorder="1" applyAlignment="1">
      <alignment vertical="center"/>
    </xf>
    <xf numFmtId="38" fontId="7" fillId="0" borderId="27" xfId="1" applyFont="1" applyBorder="1" applyAlignment="1">
      <alignment horizontal="center" vertical="center" shrinkToFit="1"/>
    </xf>
    <xf numFmtId="0" fontId="4" fillId="0" borderId="5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vertical="center"/>
    </xf>
    <xf numFmtId="0" fontId="4" fillId="0" borderId="26" xfId="0" applyFont="1" applyFill="1" applyBorder="1" applyAlignment="1">
      <alignment vertical="center"/>
    </xf>
    <xf numFmtId="0" fontId="7" fillId="0" borderId="3" xfId="0" applyFont="1" applyBorder="1" applyAlignment="1">
      <alignment horizontal="center" vertical="center"/>
    </xf>
    <xf numFmtId="0" fontId="4" fillId="0" borderId="26" xfId="0" applyFont="1" applyBorder="1" applyAlignment="1">
      <alignment vertical="center"/>
    </xf>
    <xf numFmtId="0" fontId="7" fillId="0" borderId="0" xfId="0" applyFont="1" applyBorder="1" applyAlignment="1">
      <alignment horizontal="center" vertical="center" textRotation="255"/>
    </xf>
    <xf numFmtId="0" fontId="4" fillId="0" borderId="0" xfId="0" applyFont="1" applyBorder="1" applyAlignment="1">
      <alignment horizontal="center" vertical="center" wrapText="1" shrinkToFit="1"/>
    </xf>
    <xf numFmtId="0" fontId="7" fillId="0" borderId="0" xfId="0" applyFont="1" applyBorder="1" applyAlignment="1">
      <alignment horizontal="left" vertical="center"/>
    </xf>
    <xf numFmtId="38" fontId="7" fillId="0" borderId="0" xfId="1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top"/>
    </xf>
    <xf numFmtId="0" fontId="7" fillId="0" borderId="4" xfId="0" applyFont="1" applyBorder="1" applyAlignment="1">
      <alignment vertical="center"/>
    </xf>
    <xf numFmtId="38" fontId="7" fillId="0" borderId="4" xfId="1" applyFont="1" applyBorder="1" applyAlignment="1">
      <alignment vertical="center" wrapText="1"/>
    </xf>
    <xf numFmtId="38" fontId="7" fillId="0" borderId="4" xfId="1" applyFont="1" applyBorder="1" applyAlignment="1">
      <alignment vertical="center"/>
    </xf>
    <xf numFmtId="0" fontId="7" fillId="0" borderId="26" xfId="0" applyFont="1" applyFill="1" applyBorder="1">
      <alignment vertical="center"/>
    </xf>
    <xf numFmtId="0" fontId="7" fillId="0" borderId="41" xfId="0" applyFont="1" applyFill="1" applyBorder="1">
      <alignment vertical="center"/>
    </xf>
    <xf numFmtId="0" fontId="7" fillId="0" borderId="10" xfId="0" applyFont="1" applyFill="1" applyBorder="1">
      <alignment vertical="center"/>
    </xf>
    <xf numFmtId="0" fontId="7" fillId="0" borderId="4" xfId="0" applyFont="1" applyFill="1" applyBorder="1">
      <alignment vertical="center"/>
    </xf>
    <xf numFmtId="0" fontId="4" fillId="0" borderId="42" xfId="0" applyFont="1" applyBorder="1" applyAlignment="1">
      <alignment vertical="center" wrapText="1" shrinkToFit="1"/>
    </xf>
    <xf numFmtId="0" fontId="7" fillId="0" borderId="4" xfId="0" applyFont="1" applyBorder="1" applyAlignment="1">
      <alignment vertical="center" wrapText="1"/>
    </xf>
    <xf numFmtId="0" fontId="7" fillId="0" borderId="20" xfId="0" applyFont="1" applyBorder="1" applyAlignment="1">
      <alignment vertical="center"/>
    </xf>
    <xf numFmtId="0" fontId="7" fillId="0" borderId="20" xfId="0" applyFont="1" applyBorder="1" applyAlignment="1">
      <alignment horizontal="center" vertical="center"/>
    </xf>
    <xf numFmtId="0" fontId="7" fillId="0" borderId="25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7" fillId="0" borderId="26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 wrapText="1" shrinkToFit="1"/>
    </xf>
    <xf numFmtId="0" fontId="4" fillId="0" borderId="26" xfId="0" applyFont="1" applyBorder="1" applyAlignment="1">
      <alignment horizontal="center" vertical="center" wrapText="1" shrinkToFit="1"/>
    </xf>
    <xf numFmtId="0" fontId="7" fillId="0" borderId="4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 wrapText="1"/>
    </xf>
    <xf numFmtId="0" fontId="7" fillId="0" borderId="5" xfId="0" applyFont="1" applyBorder="1" applyAlignment="1">
      <alignment horizontal="center" vertical="center"/>
    </xf>
    <xf numFmtId="38" fontId="7" fillId="0" borderId="4" xfId="1" applyFont="1" applyBorder="1" applyAlignment="1">
      <alignment horizontal="center" vertical="center"/>
    </xf>
    <xf numFmtId="38" fontId="7" fillId="0" borderId="5" xfId="1" applyFont="1" applyBorder="1" applyAlignment="1">
      <alignment horizontal="center" vertical="center"/>
    </xf>
    <xf numFmtId="38" fontId="7" fillId="0" borderId="4" xfId="1" applyFont="1" applyBorder="1" applyAlignment="1">
      <alignment horizontal="center" vertical="center" wrapText="1"/>
    </xf>
    <xf numFmtId="38" fontId="7" fillId="0" borderId="5" xfId="1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/>
    </xf>
    <xf numFmtId="38" fontId="7" fillId="0" borderId="26" xfId="1" applyFont="1" applyBorder="1" applyAlignment="1">
      <alignment horizontal="center" vertical="center" wrapText="1"/>
    </xf>
    <xf numFmtId="38" fontId="7" fillId="0" borderId="26" xfId="1" applyFont="1" applyBorder="1" applyAlignment="1">
      <alignment horizontal="center" vertical="center"/>
    </xf>
    <xf numFmtId="38" fontId="7" fillId="0" borderId="42" xfId="1" applyFont="1" applyFill="1" applyBorder="1" applyAlignment="1">
      <alignment horizontal="center" vertical="center"/>
    </xf>
    <xf numFmtId="38" fontId="7" fillId="0" borderId="4" xfId="1" applyFont="1" applyFill="1" applyBorder="1" applyAlignment="1">
      <alignment horizontal="center" vertical="center"/>
    </xf>
    <xf numFmtId="38" fontId="7" fillId="0" borderId="5" xfId="1" applyFont="1" applyFill="1" applyBorder="1" applyAlignment="1">
      <alignment horizontal="center" vertical="center"/>
    </xf>
    <xf numFmtId="38" fontId="7" fillId="0" borderId="42" xfId="1" applyFont="1" applyBorder="1" applyAlignment="1">
      <alignment horizontal="center" vertical="center"/>
    </xf>
    <xf numFmtId="38" fontId="7" fillId="0" borderId="3" xfId="1" applyFont="1" applyBorder="1" applyAlignment="1">
      <alignment horizontal="center" vertical="center"/>
    </xf>
    <xf numFmtId="0" fontId="7" fillId="0" borderId="43" xfId="0" applyFont="1" applyBorder="1" applyAlignment="1">
      <alignment horizontal="center" vertical="center"/>
    </xf>
    <xf numFmtId="38" fontId="7" fillId="0" borderId="3" xfId="1" applyFont="1" applyBorder="1" applyAlignment="1">
      <alignment horizontal="center" vertical="center" wrapText="1"/>
    </xf>
    <xf numFmtId="38" fontId="7" fillId="0" borderId="24" xfId="1" applyFont="1" applyBorder="1" applyAlignment="1">
      <alignment horizontal="center" vertical="center" wrapText="1"/>
    </xf>
    <xf numFmtId="0" fontId="9" fillId="0" borderId="38" xfId="0" applyFont="1" applyBorder="1" applyAlignment="1">
      <alignment horizontal="left" vertical="top" wrapText="1"/>
    </xf>
    <xf numFmtId="0" fontId="7" fillId="0" borderId="57" xfId="0" applyFont="1" applyBorder="1" applyAlignment="1">
      <alignment horizontal="center" vertical="center"/>
    </xf>
    <xf numFmtId="0" fontId="9" fillId="0" borderId="52" xfId="0" applyFont="1" applyBorder="1" applyAlignment="1">
      <alignment horizontal="left" vertical="top"/>
    </xf>
    <xf numFmtId="0" fontId="9" fillId="0" borderId="38" xfId="0" applyFont="1" applyBorder="1" applyAlignment="1">
      <alignment horizontal="left" vertical="top"/>
    </xf>
    <xf numFmtId="0" fontId="9" fillId="0" borderId="40" xfId="0" applyFont="1" applyBorder="1" applyAlignment="1">
      <alignment horizontal="left" vertical="top"/>
    </xf>
    <xf numFmtId="0" fontId="7" fillId="0" borderId="20" xfId="0" applyFont="1" applyBorder="1" applyAlignment="1">
      <alignment horizontal="center" vertical="center" wrapText="1"/>
    </xf>
    <xf numFmtId="0" fontId="5" fillId="0" borderId="4" xfId="0" applyFont="1" applyFill="1" applyBorder="1" applyAlignment="1">
      <alignment horizontal="center" vertical="center" wrapText="1" shrinkToFit="1"/>
    </xf>
    <xf numFmtId="0" fontId="5" fillId="0" borderId="26" xfId="0" applyFont="1" applyFill="1" applyBorder="1" applyAlignment="1">
      <alignment horizontal="center" vertical="center" wrapText="1" shrinkToFit="1"/>
    </xf>
    <xf numFmtId="0" fontId="7" fillId="0" borderId="4" xfId="0" applyFont="1" applyFill="1" applyBorder="1" applyAlignment="1">
      <alignment horizontal="center" vertical="center" shrinkToFit="1"/>
    </xf>
    <xf numFmtId="0" fontId="9" fillId="0" borderId="51" xfId="0" applyFont="1" applyBorder="1" applyAlignment="1">
      <alignment horizontal="left" vertical="top" wrapText="1"/>
    </xf>
    <xf numFmtId="0" fontId="10" fillId="0" borderId="0" xfId="0" applyFont="1" applyAlignment="1">
      <alignment horizontal="left" vertical="center"/>
    </xf>
    <xf numFmtId="0" fontId="7" fillId="0" borderId="23" xfId="0" applyFont="1" applyBorder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7" fillId="0" borderId="42" xfId="0" applyFont="1" applyFill="1" applyBorder="1" applyAlignment="1">
      <alignment horizontal="center" vertical="center" shrinkToFit="1"/>
    </xf>
    <xf numFmtId="38" fontId="7" fillId="0" borderId="24" xfId="1" applyFont="1" applyBorder="1" applyAlignment="1">
      <alignment horizontal="center" vertical="center"/>
    </xf>
    <xf numFmtId="0" fontId="7" fillId="0" borderId="41" xfId="0" applyFont="1" applyBorder="1" applyAlignment="1">
      <alignment horizontal="center" vertical="center"/>
    </xf>
    <xf numFmtId="0" fontId="7" fillId="0" borderId="58" xfId="0" applyFont="1" applyBorder="1" applyAlignment="1">
      <alignment horizontal="center" vertical="center"/>
    </xf>
    <xf numFmtId="0" fontId="7" fillId="0" borderId="29" xfId="0" applyFont="1" applyBorder="1" applyAlignment="1">
      <alignment horizontal="center" vertical="center"/>
    </xf>
    <xf numFmtId="38" fontId="7" fillId="0" borderId="62" xfId="1" applyFont="1" applyBorder="1" applyAlignment="1">
      <alignment horizontal="center" vertical="center"/>
    </xf>
    <xf numFmtId="38" fontId="7" fillId="0" borderId="46" xfId="1" applyFont="1" applyBorder="1" applyAlignment="1">
      <alignment horizontal="center" vertical="center"/>
    </xf>
    <xf numFmtId="0" fontId="7" fillId="0" borderId="42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42" xfId="0" applyFont="1" applyFill="1" applyBorder="1" applyAlignment="1">
      <alignment horizontal="left" vertical="center"/>
    </xf>
    <xf numFmtId="0" fontId="7" fillId="0" borderId="4" xfId="0" applyFont="1" applyFill="1" applyBorder="1" applyAlignment="1">
      <alignment horizontal="left" vertical="center"/>
    </xf>
    <xf numFmtId="0" fontId="7" fillId="0" borderId="5" xfId="0" applyFont="1" applyFill="1" applyBorder="1" applyAlignment="1">
      <alignment horizontal="left" vertical="center"/>
    </xf>
    <xf numFmtId="0" fontId="7" fillId="0" borderId="47" xfId="0" applyFont="1" applyBorder="1" applyAlignment="1">
      <alignment horizontal="center" vertical="center" textRotation="255"/>
    </xf>
    <xf numFmtId="0" fontId="7" fillId="0" borderId="48" xfId="0" applyFont="1" applyBorder="1" applyAlignment="1">
      <alignment horizontal="center" vertical="center" textRotation="255"/>
    </xf>
    <xf numFmtId="0" fontId="9" fillId="0" borderId="53" xfId="0" applyFont="1" applyBorder="1" applyAlignment="1">
      <alignment horizontal="center" vertical="top"/>
    </xf>
    <xf numFmtId="0" fontId="9" fillId="0" borderId="54" xfId="0" applyFont="1" applyBorder="1" applyAlignment="1">
      <alignment horizontal="center" vertical="top"/>
    </xf>
    <xf numFmtId="0" fontId="9" fillId="0" borderId="37" xfId="0" applyFont="1" applyBorder="1" applyAlignment="1">
      <alignment horizontal="center" vertical="top"/>
    </xf>
    <xf numFmtId="0" fontId="9" fillId="0" borderId="49" xfId="0" applyFont="1" applyBorder="1" applyAlignment="1">
      <alignment horizontal="center" vertical="top"/>
    </xf>
    <xf numFmtId="0" fontId="9" fillId="0" borderId="55" xfId="0" applyFont="1" applyBorder="1" applyAlignment="1">
      <alignment horizontal="center" vertical="top"/>
    </xf>
    <xf numFmtId="0" fontId="7" fillId="0" borderId="24" xfId="0" applyFont="1" applyFill="1" applyBorder="1" applyAlignment="1">
      <alignment horizontal="center" vertical="center" shrinkToFit="1"/>
    </xf>
    <xf numFmtId="0" fontId="7" fillId="0" borderId="42" xfId="0" applyFont="1" applyBorder="1" applyAlignment="1">
      <alignment horizontal="center" vertical="center" wrapText="1" shrinkToFit="1"/>
    </xf>
    <xf numFmtId="0" fontId="7" fillId="0" borderId="4" xfId="0" applyFont="1" applyBorder="1" applyAlignment="1">
      <alignment horizontal="center" vertical="center" wrapText="1" shrinkToFit="1"/>
    </xf>
    <xf numFmtId="0" fontId="5" fillId="0" borderId="4" xfId="0" applyFont="1" applyFill="1" applyBorder="1" applyAlignment="1">
      <alignment horizontal="center" vertical="center" shrinkToFit="1"/>
    </xf>
    <xf numFmtId="0" fontId="5" fillId="0" borderId="26" xfId="0" applyFont="1" applyFill="1" applyBorder="1" applyAlignment="1">
      <alignment horizontal="center" vertical="center" shrinkToFit="1"/>
    </xf>
    <xf numFmtId="0" fontId="7" fillId="0" borderId="4" xfId="0" applyFont="1" applyBorder="1" applyAlignment="1">
      <alignment horizontal="center" vertical="center" shrinkToFit="1"/>
    </xf>
    <xf numFmtId="38" fontId="7" fillId="0" borderId="42" xfId="1" applyFont="1" applyBorder="1" applyAlignment="1">
      <alignment horizontal="center" vertical="center" wrapText="1"/>
    </xf>
    <xf numFmtId="0" fontId="7" fillId="0" borderId="14" xfId="0" applyFont="1" applyBorder="1" applyAlignment="1">
      <alignment horizontal="center" vertical="center" textRotation="255"/>
    </xf>
    <xf numFmtId="0" fontId="7" fillId="0" borderId="22" xfId="0" applyFont="1" applyBorder="1" applyAlignment="1">
      <alignment horizontal="center" vertical="center" textRotation="255"/>
    </xf>
    <xf numFmtId="0" fontId="5" fillId="0" borderId="4" xfId="0" applyFont="1" applyFill="1" applyBorder="1" applyAlignment="1">
      <alignment horizontal="left" vertical="center" wrapText="1" shrinkToFit="1"/>
    </xf>
    <xf numFmtId="0" fontId="5" fillId="0" borderId="56" xfId="0" applyFont="1" applyFill="1" applyBorder="1" applyAlignment="1">
      <alignment horizontal="left" vertical="center" wrapText="1" shrinkToFit="1"/>
    </xf>
    <xf numFmtId="0" fontId="7" fillId="0" borderId="4" xfId="0" applyFont="1" applyFill="1" applyBorder="1" applyAlignment="1">
      <alignment horizontal="left" vertical="center" wrapText="1" shrinkToFit="1"/>
    </xf>
    <xf numFmtId="0" fontId="7" fillId="0" borderId="26" xfId="0" applyFont="1" applyFill="1" applyBorder="1" applyAlignment="1">
      <alignment horizontal="left" vertical="center" wrapText="1" shrinkToFit="1"/>
    </xf>
    <xf numFmtId="0" fontId="7" fillId="0" borderId="42" xfId="0" applyFont="1" applyFill="1" applyBorder="1" applyAlignment="1">
      <alignment horizontal="center" vertical="center" wrapText="1" shrinkToFit="1"/>
    </xf>
    <xf numFmtId="0" fontId="9" fillId="0" borderId="4" xfId="0" applyFont="1" applyFill="1" applyBorder="1" applyAlignment="1">
      <alignment horizontal="left" vertical="center" wrapText="1" shrinkToFit="1"/>
    </xf>
    <xf numFmtId="0" fontId="9" fillId="0" borderId="26" xfId="0" applyFont="1" applyFill="1" applyBorder="1" applyAlignment="1">
      <alignment horizontal="left" vertical="center" shrinkToFit="1"/>
    </xf>
    <xf numFmtId="0" fontId="9" fillId="0" borderId="4" xfId="0" applyFont="1" applyFill="1" applyBorder="1" applyAlignment="1">
      <alignment horizontal="left" vertical="center" shrinkToFit="1"/>
    </xf>
    <xf numFmtId="0" fontId="0" fillId="0" borderId="18" xfId="0" applyBorder="1" applyAlignment="1">
      <alignment horizontal="center" vertical="center"/>
    </xf>
    <xf numFmtId="0" fontId="17" fillId="0" borderId="18" xfId="0" applyFont="1" applyBorder="1" applyAlignment="1">
      <alignment horizontal="center" vertical="center"/>
    </xf>
    <xf numFmtId="0" fontId="15" fillId="0" borderId="18" xfId="0" applyFont="1" applyBorder="1" applyAlignment="1">
      <alignment horizontal="center" vertical="center"/>
    </xf>
    <xf numFmtId="0" fontId="15" fillId="0" borderId="36" xfId="0" applyFont="1" applyBorder="1" applyAlignment="1">
      <alignment horizontal="center" vertical="center"/>
    </xf>
    <xf numFmtId="0" fontId="0" fillId="0" borderId="32" xfId="0" applyBorder="1" applyAlignment="1">
      <alignment horizontal="center" vertical="center" textRotation="255"/>
    </xf>
    <xf numFmtId="0" fontId="0" fillId="0" borderId="33" xfId="0" applyBorder="1" applyAlignment="1">
      <alignment horizontal="center" vertical="center" textRotation="255"/>
    </xf>
    <xf numFmtId="0" fontId="7" fillId="0" borderId="63" xfId="0" applyFont="1" applyBorder="1" applyAlignment="1">
      <alignment horizontal="center" vertical="center" textRotation="255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P74"/>
  <sheetViews>
    <sheetView tabSelected="1" view="pageBreakPreview" zoomScale="85" zoomScaleNormal="85" zoomScaleSheetLayoutView="85" workbookViewId="0">
      <pane ySplit="5" topLeftCell="A48" activePane="bottomLeft" state="frozen"/>
      <selection pane="bottomLeft" activeCell="D69" sqref="D69"/>
    </sheetView>
  </sheetViews>
  <sheetFormatPr defaultRowHeight="15.75" customHeight="1" x14ac:dyDescent="0.15"/>
  <cols>
    <col min="1" max="1" width="3.125" style="97" bestFit="1" customWidth="1"/>
    <col min="2" max="2" width="28.625" style="97" customWidth="1"/>
    <col min="3" max="3" width="18.25" style="119" customWidth="1"/>
    <col min="4" max="4" width="22.5" style="97" customWidth="1"/>
    <col min="5" max="5" width="8.125" style="140" bestFit="1" customWidth="1"/>
    <col min="6" max="6" width="10.25" style="140" bestFit="1" customWidth="1"/>
    <col min="7" max="7" width="7.75" style="140" bestFit="1" customWidth="1"/>
    <col min="8" max="8" width="8.375" style="140" bestFit="1" customWidth="1"/>
    <col min="9" max="9" width="9" style="140"/>
    <col min="10" max="10" width="8.875" style="97" bestFit="1" customWidth="1"/>
    <col min="11" max="11" width="25.125" style="103" hidden="1" customWidth="1"/>
    <col min="12" max="16384" width="9" style="97"/>
  </cols>
  <sheetData>
    <row r="1" spans="1:12" ht="15.75" customHeight="1" x14ac:dyDescent="0.15">
      <c r="B1" s="248" t="s">
        <v>308</v>
      </c>
      <c r="C1" s="248"/>
      <c r="D1" s="248"/>
      <c r="E1" s="139"/>
      <c r="F1" s="139"/>
      <c r="G1" s="250" t="s">
        <v>173</v>
      </c>
      <c r="H1" s="250"/>
      <c r="I1" s="250"/>
      <c r="J1" s="250"/>
    </row>
    <row r="2" spans="1:12" ht="15.75" customHeight="1" x14ac:dyDescent="0.15">
      <c r="B2" s="29"/>
      <c r="C2" s="116"/>
      <c r="D2" s="98"/>
      <c r="E2" s="139"/>
      <c r="F2" s="139"/>
      <c r="G2" s="138"/>
      <c r="H2" s="139"/>
      <c r="I2" s="139"/>
      <c r="J2" s="98"/>
    </row>
    <row r="3" spans="1:12" ht="15.75" customHeight="1" thickBot="1" x14ac:dyDescent="0.2">
      <c r="B3" s="120" t="s">
        <v>184</v>
      </c>
      <c r="C3" s="120"/>
      <c r="D3" s="120"/>
    </row>
    <row r="4" spans="1:12" ht="15.75" customHeight="1" x14ac:dyDescent="0.15">
      <c r="A4" s="278" t="s">
        <v>70</v>
      </c>
      <c r="B4" s="99"/>
      <c r="C4" s="117"/>
      <c r="D4" s="100"/>
      <c r="E4" s="101" t="s">
        <v>2</v>
      </c>
      <c r="F4" s="101" t="s">
        <v>3</v>
      </c>
      <c r="G4" s="101" t="s">
        <v>2</v>
      </c>
      <c r="H4" s="101" t="s">
        <v>3</v>
      </c>
      <c r="I4" s="253" t="s">
        <v>58</v>
      </c>
      <c r="J4" s="235" t="s">
        <v>10</v>
      </c>
      <c r="K4" s="121"/>
    </row>
    <row r="5" spans="1:12" ht="15.75" customHeight="1" thickBot="1" x14ac:dyDescent="0.2">
      <c r="A5" s="279"/>
      <c r="B5" s="137" t="s">
        <v>0</v>
      </c>
      <c r="C5" s="118" t="s">
        <v>50</v>
      </c>
      <c r="D5" s="137" t="s">
        <v>1</v>
      </c>
      <c r="E5" s="249" t="s">
        <v>56</v>
      </c>
      <c r="F5" s="249"/>
      <c r="G5" s="249" t="s">
        <v>57</v>
      </c>
      <c r="H5" s="249"/>
      <c r="I5" s="254"/>
      <c r="J5" s="239"/>
      <c r="K5" s="122" t="s">
        <v>160</v>
      </c>
    </row>
    <row r="6" spans="1:12" ht="15.75" customHeight="1" thickTop="1" x14ac:dyDescent="0.15">
      <c r="A6" s="264" t="s">
        <v>30</v>
      </c>
      <c r="B6" s="145" t="s">
        <v>4</v>
      </c>
      <c r="C6" s="146" t="s">
        <v>267</v>
      </c>
      <c r="D6" s="147" t="s">
        <v>241</v>
      </c>
      <c r="E6" s="252">
        <v>7800</v>
      </c>
      <c r="F6" s="252">
        <v>6200</v>
      </c>
      <c r="G6" s="252">
        <v>8800</v>
      </c>
      <c r="H6" s="252">
        <v>7200</v>
      </c>
      <c r="I6" s="124" t="s">
        <v>192</v>
      </c>
      <c r="J6" s="255" t="s">
        <v>55</v>
      </c>
      <c r="K6" s="247" t="s">
        <v>161</v>
      </c>
      <c r="L6" s="102"/>
    </row>
    <row r="7" spans="1:12" ht="15.75" customHeight="1" x14ac:dyDescent="0.15">
      <c r="A7" s="265"/>
      <c r="B7" s="148" t="s">
        <v>68</v>
      </c>
      <c r="C7" s="149"/>
      <c r="D7" s="150" t="s">
        <v>242</v>
      </c>
      <c r="E7" s="224"/>
      <c r="F7" s="224"/>
      <c r="G7" s="224"/>
      <c r="H7" s="224"/>
      <c r="I7" s="125" t="s">
        <v>193</v>
      </c>
      <c r="J7" s="214"/>
      <c r="K7" s="238"/>
    </row>
    <row r="8" spans="1:12" ht="56.25" customHeight="1" thickBot="1" x14ac:dyDescent="0.2">
      <c r="A8" s="265"/>
      <c r="B8" s="151" t="s">
        <v>49</v>
      </c>
      <c r="C8" s="152" t="s">
        <v>307</v>
      </c>
      <c r="D8" s="153" t="s">
        <v>180</v>
      </c>
      <c r="E8" s="154">
        <v>4700</v>
      </c>
      <c r="F8" s="154">
        <v>3800</v>
      </c>
      <c r="G8" s="126" t="s">
        <v>299</v>
      </c>
      <c r="H8" s="126" t="s">
        <v>299</v>
      </c>
      <c r="I8" s="126" t="s">
        <v>194</v>
      </c>
      <c r="J8" s="214"/>
      <c r="K8" s="238"/>
    </row>
    <row r="9" spans="1:12" ht="15.75" customHeight="1" x14ac:dyDescent="0.15">
      <c r="A9" s="265"/>
      <c r="B9" s="155" t="s">
        <v>59</v>
      </c>
      <c r="C9" s="251" t="s">
        <v>260</v>
      </c>
      <c r="D9" s="261" t="s">
        <v>102</v>
      </c>
      <c r="E9" s="233">
        <v>8550</v>
      </c>
      <c r="F9" s="230">
        <v>7450</v>
      </c>
      <c r="G9" s="233">
        <v>8750</v>
      </c>
      <c r="H9" s="230">
        <v>7650</v>
      </c>
      <c r="I9" s="258" t="s">
        <v>195</v>
      </c>
      <c r="J9" s="235" t="s">
        <v>55</v>
      </c>
      <c r="K9" s="240"/>
    </row>
    <row r="10" spans="1:12" ht="15.75" customHeight="1" x14ac:dyDescent="0.15">
      <c r="A10" s="265"/>
      <c r="B10" s="156" t="s">
        <v>20</v>
      </c>
      <c r="C10" s="246"/>
      <c r="D10" s="262"/>
      <c r="E10" s="223"/>
      <c r="F10" s="231"/>
      <c r="G10" s="223"/>
      <c r="H10" s="231"/>
      <c r="I10" s="259"/>
      <c r="J10" s="214"/>
      <c r="K10" s="241"/>
    </row>
    <row r="11" spans="1:12" ht="15.75" customHeight="1" x14ac:dyDescent="0.15">
      <c r="A11" s="265"/>
      <c r="B11" s="156" t="s">
        <v>51</v>
      </c>
      <c r="C11" s="274" t="s">
        <v>103</v>
      </c>
      <c r="D11" s="263"/>
      <c r="E11" s="224"/>
      <c r="F11" s="232"/>
      <c r="G11" s="224"/>
      <c r="H11" s="232"/>
      <c r="I11" s="260"/>
      <c r="J11" s="214"/>
      <c r="K11" s="241"/>
    </row>
    <row r="12" spans="1:12" s="102" customFormat="1" ht="15.75" customHeight="1" thickBot="1" x14ac:dyDescent="0.2">
      <c r="A12" s="265"/>
      <c r="B12" s="157" t="s">
        <v>21</v>
      </c>
      <c r="C12" s="275"/>
      <c r="D12" s="158" t="s">
        <v>334</v>
      </c>
      <c r="E12" s="143">
        <v>2750</v>
      </c>
      <c r="F12" s="143">
        <v>1650</v>
      </c>
      <c r="G12" s="143" t="s">
        <v>249</v>
      </c>
      <c r="H12" s="144" t="s">
        <v>299</v>
      </c>
      <c r="I12" s="127" t="s">
        <v>196</v>
      </c>
      <c r="J12" s="215"/>
      <c r="K12" s="242"/>
    </row>
    <row r="13" spans="1:12" ht="13.5" x14ac:dyDescent="0.15">
      <c r="A13" s="265"/>
      <c r="B13" s="156" t="s">
        <v>23</v>
      </c>
      <c r="C13" s="251" t="s">
        <v>179</v>
      </c>
      <c r="D13" s="159" t="s">
        <v>230</v>
      </c>
      <c r="E13" s="131">
        <v>7700</v>
      </c>
      <c r="F13" s="131">
        <v>6200</v>
      </c>
      <c r="G13" s="131">
        <v>8200</v>
      </c>
      <c r="H13" s="131">
        <v>6700</v>
      </c>
      <c r="I13" s="128" t="s">
        <v>197</v>
      </c>
      <c r="J13" s="214" t="s">
        <v>55</v>
      </c>
      <c r="K13" s="241"/>
    </row>
    <row r="14" spans="1:12" ht="15.75" customHeight="1" x14ac:dyDescent="0.15">
      <c r="A14" s="265"/>
      <c r="B14" s="156" t="s">
        <v>24</v>
      </c>
      <c r="C14" s="246"/>
      <c r="D14" s="160" t="s">
        <v>231</v>
      </c>
      <c r="E14" s="132">
        <v>8000</v>
      </c>
      <c r="F14" s="132">
        <v>6500</v>
      </c>
      <c r="G14" s="132">
        <v>8500</v>
      </c>
      <c r="H14" s="132">
        <v>7000</v>
      </c>
      <c r="I14" s="125" t="s">
        <v>198</v>
      </c>
      <c r="J14" s="214"/>
      <c r="K14" s="241"/>
    </row>
    <row r="15" spans="1:12" ht="13.5" x14ac:dyDescent="0.15">
      <c r="A15" s="265"/>
      <c r="B15" s="148" t="s">
        <v>52</v>
      </c>
      <c r="C15" s="246"/>
      <c r="D15" s="161" t="s">
        <v>232</v>
      </c>
      <c r="E15" s="132">
        <v>7200</v>
      </c>
      <c r="F15" s="132">
        <v>5700</v>
      </c>
      <c r="G15" s="132">
        <v>7700</v>
      </c>
      <c r="H15" s="132">
        <v>6200</v>
      </c>
      <c r="I15" s="125" t="s">
        <v>199</v>
      </c>
      <c r="J15" s="214"/>
      <c r="K15" s="241"/>
    </row>
    <row r="16" spans="1:12" ht="13.5" x14ac:dyDescent="0.15">
      <c r="A16" s="265"/>
      <c r="B16" s="148"/>
      <c r="C16" s="282" t="s">
        <v>252</v>
      </c>
      <c r="D16" s="161" t="s">
        <v>119</v>
      </c>
      <c r="E16" s="132">
        <v>7700</v>
      </c>
      <c r="F16" s="132">
        <v>6200</v>
      </c>
      <c r="G16" s="132">
        <v>8200</v>
      </c>
      <c r="H16" s="132">
        <v>6700</v>
      </c>
      <c r="I16" s="125" t="s">
        <v>200</v>
      </c>
      <c r="J16" s="214"/>
      <c r="K16" s="241"/>
    </row>
    <row r="17" spans="1:11" ht="13.5" x14ac:dyDescent="0.15">
      <c r="A17" s="265"/>
      <c r="B17" s="148"/>
      <c r="C17" s="282"/>
      <c r="D17" s="161" t="s">
        <v>233</v>
      </c>
      <c r="E17" s="132">
        <v>7700</v>
      </c>
      <c r="F17" s="132">
        <v>6200</v>
      </c>
      <c r="G17" s="132">
        <v>8200</v>
      </c>
      <c r="H17" s="132">
        <v>6700</v>
      </c>
      <c r="I17" s="125" t="s">
        <v>235</v>
      </c>
      <c r="J17" s="214"/>
      <c r="K17" s="241"/>
    </row>
    <row r="18" spans="1:11" ht="13.5" x14ac:dyDescent="0.15">
      <c r="A18" s="265"/>
      <c r="B18" s="148"/>
      <c r="C18" s="282"/>
      <c r="D18" s="161" t="s">
        <v>234</v>
      </c>
      <c r="E18" s="132">
        <v>7200</v>
      </c>
      <c r="F18" s="132">
        <v>5700</v>
      </c>
      <c r="G18" s="132">
        <v>7700</v>
      </c>
      <c r="H18" s="132">
        <v>6200</v>
      </c>
      <c r="I18" s="125" t="s">
        <v>236</v>
      </c>
      <c r="J18" s="214"/>
      <c r="K18" s="241"/>
    </row>
    <row r="19" spans="1:11" ht="13.5" customHeight="1" x14ac:dyDescent="0.15">
      <c r="A19" s="265"/>
      <c r="B19" s="148"/>
      <c r="C19" s="282"/>
      <c r="D19" s="161" t="s">
        <v>251</v>
      </c>
      <c r="E19" s="132">
        <v>5340</v>
      </c>
      <c r="F19" s="132">
        <v>3580</v>
      </c>
      <c r="G19" s="162" t="s">
        <v>177</v>
      </c>
      <c r="H19" s="162" t="s">
        <v>177</v>
      </c>
      <c r="I19" s="125" t="s">
        <v>237</v>
      </c>
      <c r="J19" s="214"/>
      <c r="K19" s="241"/>
    </row>
    <row r="20" spans="1:11" ht="13.5" x14ac:dyDescent="0.15">
      <c r="A20" s="265"/>
      <c r="B20" s="148"/>
      <c r="C20" s="282"/>
      <c r="D20" s="163" t="s">
        <v>250</v>
      </c>
      <c r="E20" s="154">
        <v>4790</v>
      </c>
      <c r="F20" s="154">
        <v>3030</v>
      </c>
      <c r="G20" s="162" t="s">
        <v>177</v>
      </c>
      <c r="H20" s="162" t="s">
        <v>177</v>
      </c>
      <c r="I20" s="126" t="s">
        <v>238</v>
      </c>
      <c r="J20" s="214"/>
      <c r="K20" s="241"/>
    </row>
    <row r="21" spans="1:11" ht="13.5" x14ac:dyDescent="0.15">
      <c r="A21" s="265"/>
      <c r="B21" s="148"/>
      <c r="C21" s="282"/>
      <c r="D21" s="163" t="s">
        <v>315</v>
      </c>
      <c r="E21" s="175">
        <v>2030</v>
      </c>
      <c r="F21" s="175">
        <v>820</v>
      </c>
      <c r="G21" s="166" t="s">
        <v>311</v>
      </c>
      <c r="H21" s="166" t="s">
        <v>312</v>
      </c>
      <c r="I21" s="196" t="s">
        <v>314</v>
      </c>
      <c r="J21" s="214"/>
      <c r="K21" s="241"/>
    </row>
    <row r="22" spans="1:11" ht="15.75" customHeight="1" thickBot="1" x14ac:dyDescent="0.2">
      <c r="A22" s="265"/>
      <c r="B22" s="164" t="s">
        <v>25</v>
      </c>
      <c r="C22" s="283"/>
      <c r="D22" s="165" t="s">
        <v>316</v>
      </c>
      <c r="E22" s="256">
        <v>330</v>
      </c>
      <c r="F22" s="257"/>
      <c r="G22" s="166" t="s">
        <v>177</v>
      </c>
      <c r="H22" s="166" t="s">
        <v>177</v>
      </c>
      <c r="I22" s="126" t="s">
        <v>313</v>
      </c>
      <c r="J22" s="214"/>
      <c r="K22" s="241"/>
    </row>
    <row r="23" spans="1:11" ht="15.75" customHeight="1" thickBot="1" x14ac:dyDescent="0.2">
      <c r="A23" s="265"/>
      <c r="B23" s="155" t="s">
        <v>72</v>
      </c>
      <c r="C23" s="251" t="s">
        <v>183</v>
      </c>
      <c r="D23" s="167" t="s">
        <v>73</v>
      </c>
      <c r="E23" s="168">
        <v>5750</v>
      </c>
      <c r="F23" s="168">
        <v>4680</v>
      </c>
      <c r="G23" s="133">
        <v>6050</v>
      </c>
      <c r="H23" s="133">
        <v>4680</v>
      </c>
      <c r="I23" s="101" t="s">
        <v>201</v>
      </c>
      <c r="J23" s="235" t="s">
        <v>55</v>
      </c>
      <c r="K23" s="240"/>
    </row>
    <row r="24" spans="1:11" ht="15.75" customHeight="1" x14ac:dyDescent="0.15">
      <c r="A24" s="265"/>
      <c r="B24" s="156" t="s">
        <v>28</v>
      </c>
      <c r="C24" s="246"/>
      <c r="D24" s="135" t="s">
        <v>261</v>
      </c>
      <c r="E24" s="168">
        <v>5750</v>
      </c>
      <c r="F24" s="168">
        <v>4680</v>
      </c>
      <c r="G24" s="133">
        <v>6050</v>
      </c>
      <c r="H24" s="133">
        <v>4680</v>
      </c>
      <c r="I24" s="125" t="s">
        <v>268</v>
      </c>
      <c r="J24" s="214"/>
      <c r="K24" s="241"/>
    </row>
    <row r="25" spans="1:11" ht="15.75" customHeight="1" x14ac:dyDescent="0.15">
      <c r="A25" s="265"/>
      <c r="B25" s="156" t="s">
        <v>53</v>
      </c>
      <c r="C25" s="274" t="s">
        <v>181</v>
      </c>
      <c r="D25" s="135"/>
      <c r="E25" s="132"/>
      <c r="F25" s="132"/>
      <c r="G25" s="132"/>
      <c r="H25" s="132"/>
      <c r="I25" s="125"/>
      <c r="J25" s="214"/>
      <c r="K25" s="241"/>
    </row>
    <row r="26" spans="1:11" s="102" customFormat="1" ht="15.75" customHeight="1" thickBot="1" x14ac:dyDescent="0.2">
      <c r="A26" s="265"/>
      <c r="B26" s="157" t="s">
        <v>29</v>
      </c>
      <c r="C26" s="275"/>
      <c r="D26" s="158" t="s">
        <v>262</v>
      </c>
      <c r="E26" s="143">
        <v>3000</v>
      </c>
      <c r="F26" s="143">
        <v>1930</v>
      </c>
      <c r="G26" s="143"/>
      <c r="H26" s="143"/>
      <c r="I26" s="129" t="s">
        <v>202</v>
      </c>
      <c r="J26" s="215"/>
      <c r="K26" s="242"/>
    </row>
    <row r="27" spans="1:11" s="102" customFormat="1" ht="15.75" customHeight="1" x14ac:dyDescent="0.15">
      <c r="A27" s="265"/>
      <c r="B27" s="155" t="s">
        <v>75</v>
      </c>
      <c r="C27" s="284" t="s">
        <v>258</v>
      </c>
      <c r="D27" s="167" t="s">
        <v>240</v>
      </c>
      <c r="E27" s="133">
        <v>7000</v>
      </c>
      <c r="F27" s="133">
        <v>6500</v>
      </c>
      <c r="G27" s="133">
        <v>7000</v>
      </c>
      <c r="H27" s="133">
        <v>6500</v>
      </c>
      <c r="I27" s="101" t="s">
        <v>203</v>
      </c>
      <c r="J27" s="235" t="s">
        <v>55</v>
      </c>
      <c r="K27" s="238"/>
    </row>
    <row r="28" spans="1:11" s="102" customFormat="1" ht="15.75" customHeight="1" x14ac:dyDescent="0.15">
      <c r="A28" s="265"/>
      <c r="B28" s="156" t="s">
        <v>78</v>
      </c>
      <c r="C28" s="246"/>
      <c r="D28" s="169"/>
      <c r="E28" s="132"/>
      <c r="F28" s="132"/>
      <c r="G28" s="132"/>
      <c r="H28" s="132"/>
      <c r="I28" s="128"/>
      <c r="J28" s="214"/>
      <c r="K28" s="238"/>
    </row>
    <row r="29" spans="1:11" s="102" customFormat="1" ht="15.75" customHeight="1" x14ac:dyDescent="0.15">
      <c r="A29" s="265"/>
      <c r="B29" s="156" t="s">
        <v>127</v>
      </c>
      <c r="C29" s="285" t="s">
        <v>259</v>
      </c>
      <c r="D29" s="169"/>
      <c r="E29" s="131"/>
      <c r="F29" s="131"/>
      <c r="G29" s="131"/>
      <c r="H29" s="131"/>
      <c r="I29" s="128"/>
      <c r="J29" s="214"/>
      <c r="K29" s="238"/>
    </row>
    <row r="30" spans="1:11" s="102" customFormat="1" ht="15.75" customHeight="1" thickBot="1" x14ac:dyDescent="0.2">
      <c r="A30" s="265"/>
      <c r="B30" s="170" t="s">
        <v>79</v>
      </c>
      <c r="C30" s="286"/>
      <c r="D30" s="158" t="s">
        <v>178</v>
      </c>
      <c r="E30" s="143" t="s">
        <v>299</v>
      </c>
      <c r="F30" s="143" t="s">
        <v>177</v>
      </c>
      <c r="G30" s="143"/>
      <c r="H30" s="143"/>
      <c r="I30" s="129"/>
      <c r="J30" s="215"/>
      <c r="K30" s="238"/>
    </row>
    <row r="31" spans="1:11" s="102" customFormat="1" ht="15.75" customHeight="1" x14ac:dyDescent="0.15">
      <c r="A31" s="265"/>
      <c r="B31" s="156" t="s">
        <v>114</v>
      </c>
      <c r="C31" s="246" t="s">
        <v>269</v>
      </c>
      <c r="D31" s="169" t="s">
        <v>229</v>
      </c>
      <c r="E31" s="131">
        <v>7400</v>
      </c>
      <c r="F31" s="131">
        <v>6100</v>
      </c>
      <c r="G31" s="131">
        <v>7400</v>
      </c>
      <c r="H31" s="131">
        <v>6100</v>
      </c>
      <c r="I31" s="128" t="s">
        <v>204</v>
      </c>
      <c r="J31" s="214" t="s">
        <v>126</v>
      </c>
      <c r="K31" s="240"/>
    </row>
    <row r="32" spans="1:11" s="102" customFormat="1" ht="15.75" customHeight="1" x14ac:dyDescent="0.15">
      <c r="A32" s="265"/>
      <c r="B32" s="156" t="s">
        <v>146</v>
      </c>
      <c r="C32" s="246"/>
      <c r="D32" s="135" t="s">
        <v>228</v>
      </c>
      <c r="E32" s="132">
        <v>7400</v>
      </c>
      <c r="F32" s="132">
        <v>6100</v>
      </c>
      <c r="G32" s="132">
        <v>7400</v>
      </c>
      <c r="H32" s="132">
        <v>6100</v>
      </c>
      <c r="I32" s="125" t="s">
        <v>205</v>
      </c>
      <c r="J32" s="214"/>
      <c r="K32" s="241"/>
    </row>
    <row r="33" spans="1:16" s="102" customFormat="1" ht="15.75" customHeight="1" x14ac:dyDescent="0.15">
      <c r="A33" s="265"/>
      <c r="B33" s="156"/>
      <c r="C33" s="171"/>
      <c r="D33" s="135" t="s">
        <v>272</v>
      </c>
      <c r="E33" s="132">
        <v>7400</v>
      </c>
      <c r="F33" s="132">
        <v>6100</v>
      </c>
      <c r="G33" s="132">
        <v>7400</v>
      </c>
      <c r="H33" s="132">
        <v>6100</v>
      </c>
      <c r="I33" s="125" t="s">
        <v>276</v>
      </c>
      <c r="J33" s="214"/>
      <c r="K33" s="241"/>
    </row>
    <row r="34" spans="1:16" s="102" customFormat="1" ht="15.75" customHeight="1" x14ac:dyDescent="0.15">
      <c r="A34" s="265"/>
      <c r="B34" s="156" t="s">
        <v>125</v>
      </c>
      <c r="C34" s="244" t="s">
        <v>275</v>
      </c>
      <c r="D34" s="135" t="s">
        <v>270</v>
      </c>
      <c r="E34" s="132">
        <v>6400</v>
      </c>
      <c r="F34" s="132">
        <v>5100</v>
      </c>
      <c r="G34" s="132">
        <v>6400</v>
      </c>
      <c r="H34" s="132">
        <v>5100</v>
      </c>
      <c r="I34" s="125" t="s">
        <v>277</v>
      </c>
      <c r="J34" s="214"/>
      <c r="K34" s="241"/>
    </row>
    <row r="35" spans="1:16" s="102" customFormat="1" ht="15.75" customHeight="1" x14ac:dyDescent="0.15">
      <c r="A35" s="265"/>
      <c r="B35" s="156"/>
      <c r="C35" s="244"/>
      <c r="D35" s="172" t="s">
        <v>271</v>
      </c>
      <c r="E35" s="154">
        <v>6400</v>
      </c>
      <c r="F35" s="154">
        <v>5100</v>
      </c>
      <c r="G35" s="154">
        <v>6400</v>
      </c>
      <c r="H35" s="154">
        <v>5100</v>
      </c>
      <c r="I35" s="126" t="s">
        <v>278</v>
      </c>
      <c r="J35" s="214"/>
      <c r="K35" s="241"/>
    </row>
    <row r="36" spans="1:16" s="102" customFormat="1" ht="15.75" customHeight="1" x14ac:dyDescent="0.15">
      <c r="A36" s="265"/>
      <c r="B36" s="156"/>
      <c r="C36" s="244"/>
      <c r="D36" s="172" t="s">
        <v>273</v>
      </c>
      <c r="E36" s="154">
        <v>2700</v>
      </c>
      <c r="F36" s="154">
        <v>1400</v>
      </c>
      <c r="G36" s="154" t="s">
        <v>281</v>
      </c>
      <c r="H36" s="154" t="s">
        <v>283</v>
      </c>
      <c r="I36" s="126" t="s">
        <v>279</v>
      </c>
      <c r="J36" s="214"/>
      <c r="K36" s="241"/>
    </row>
    <row r="37" spans="1:16" ht="15.75" customHeight="1" thickBot="1" x14ac:dyDescent="0.2">
      <c r="A37" s="265"/>
      <c r="B37" s="170" t="s">
        <v>115</v>
      </c>
      <c r="C37" s="245"/>
      <c r="D37" s="123" t="s">
        <v>274</v>
      </c>
      <c r="E37" s="141">
        <v>1900</v>
      </c>
      <c r="F37" s="141">
        <v>900</v>
      </c>
      <c r="G37" s="130" t="s">
        <v>282</v>
      </c>
      <c r="H37" s="130" t="s">
        <v>281</v>
      </c>
      <c r="I37" s="130" t="s">
        <v>280</v>
      </c>
      <c r="J37" s="215"/>
      <c r="K37" s="242"/>
    </row>
    <row r="38" spans="1:16" ht="15.75" customHeight="1" x14ac:dyDescent="0.15">
      <c r="A38" s="265"/>
      <c r="B38" s="156" t="s">
        <v>131</v>
      </c>
      <c r="C38" s="284" t="s">
        <v>284</v>
      </c>
      <c r="D38" s="173" t="s">
        <v>133</v>
      </c>
      <c r="E38" s="131">
        <v>7300</v>
      </c>
      <c r="F38" s="131">
        <v>5300</v>
      </c>
      <c r="G38" s="131">
        <v>7800</v>
      </c>
      <c r="H38" s="131">
        <v>5800</v>
      </c>
      <c r="I38" s="131" t="s">
        <v>206</v>
      </c>
      <c r="J38" s="243" t="s">
        <v>126</v>
      </c>
      <c r="K38" s="241"/>
    </row>
    <row r="39" spans="1:16" ht="15.75" customHeight="1" x14ac:dyDescent="0.15">
      <c r="A39" s="265"/>
      <c r="B39" s="156" t="s">
        <v>143</v>
      </c>
      <c r="C39" s="246"/>
      <c r="D39" s="174" t="s">
        <v>119</v>
      </c>
      <c r="E39" s="234">
        <v>7000</v>
      </c>
      <c r="F39" s="234">
        <v>5000</v>
      </c>
      <c r="G39" s="234">
        <v>7500</v>
      </c>
      <c r="H39" s="234">
        <v>5500</v>
      </c>
      <c r="I39" s="132" t="s">
        <v>207</v>
      </c>
      <c r="J39" s="214"/>
      <c r="K39" s="241"/>
    </row>
    <row r="40" spans="1:16" ht="15.75" customHeight="1" x14ac:dyDescent="0.15">
      <c r="A40" s="265"/>
      <c r="B40" s="156" t="s">
        <v>144</v>
      </c>
      <c r="C40" s="285" t="s">
        <v>285</v>
      </c>
      <c r="D40" s="176" t="s">
        <v>182</v>
      </c>
      <c r="E40" s="224"/>
      <c r="F40" s="224"/>
      <c r="G40" s="224"/>
      <c r="H40" s="224"/>
      <c r="I40" s="132" t="s">
        <v>208</v>
      </c>
      <c r="J40" s="214"/>
      <c r="K40" s="241"/>
    </row>
    <row r="41" spans="1:16" ht="30" customHeight="1" thickBot="1" x14ac:dyDescent="0.2">
      <c r="A41" s="265"/>
      <c r="B41" s="156" t="s">
        <v>145</v>
      </c>
      <c r="C41" s="287"/>
      <c r="D41" s="177" t="s">
        <v>186</v>
      </c>
      <c r="E41" s="166">
        <v>2100</v>
      </c>
      <c r="F41" s="126">
        <v>600</v>
      </c>
      <c r="G41" s="126"/>
      <c r="H41" s="126"/>
      <c r="I41" s="126" t="s">
        <v>209</v>
      </c>
      <c r="J41" s="214"/>
      <c r="K41" s="241"/>
    </row>
    <row r="42" spans="1:16" ht="15.75" customHeight="1" x14ac:dyDescent="0.15">
      <c r="A42" s="265"/>
      <c r="B42" s="178" t="s">
        <v>148</v>
      </c>
      <c r="C42" s="251" t="s">
        <v>317</v>
      </c>
      <c r="D42" s="179" t="s">
        <v>133</v>
      </c>
      <c r="E42" s="133" t="s">
        <v>177</v>
      </c>
      <c r="F42" s="180" t="s">
        <v>299</v>
      </c>
      <c r="G42" s="233">
        <v>8000</v>
      </c>
      <c r="H42" s="233">
        <v>6500</v>
      </c>
      <c r="I42" s="133" t="s">
        <v>210</v>
      </c>
      <c r="J42" s="235" t="s">
        <v>159</v>
      </c>
      <c r="K42" s="240"/>
      <c r="L42" s="181"/>
      <c r="M42" s="181"/>
      <c r="N42" s="181"/>
      <c r="O42" s="181"/>
      <c r="P42" s="181"/>
    </row>
    <row r="43" spans="1:16" ht="15.75" customHeight="1" x14ac:dyDescent="0.15">
      <c r="A43" s="265"/>
      <c r="B43" s="182" t="s">
        <v>149</v>
      </c>
      <c r="C43" s="246"/>
      <c r="D43" s="183" t="s">
        <v>119</v>
      </c>
      <c r="E43" s="234">
        <v>7000</v>
      </c>
      <c r="F43" s="234">
        <v>5500</v>
      </c>
      <c r="G43" s="223"/>
      <c r="H43" s="223"/>
      <c r="I43" s="132" t="s">
        <v>211</v>
      </c>
      <c r="J43" s="214"/>
      <c r="K43" s="241"/>
      <c r="L43" s="181"/>
      <c r="M43" s="181"/>
      <c r="N43" s="181"/>
      <c r="O43" s="181"/>
      <c r="P43" s="181"/>
    </row>
    <row r="44" spans="1:16" ht="15.75" customHeight="1" x14ac:dyDescent="0.15">
      <c r="A44" s="265"/>
      <c r="B44" s="182" t="s">
        <v>158</v>
      </c>
      <c r="C44" s="244" t="s">
        <v>300</v>
      </c>
      <c r="D44" s="183" t="s">
        <v>185</v>
      </c>
      <c r="E44" s="224"/>
      <c r="F44" s="224"/>
      <c r="G44" s="224"/>
      <c r="H44" s="224"/>
      <c r="I44" s="132" t="s">
        <v>212</v>
      </c>
      <c r="J44" s="214"/>
      <c r="K44" s="241"/>
      <c r="L44" s="181"/>
      <c r="M44" s="181"/>
      <c r="N44" s="181"/>
      <c r="O44" s="181"/>
      <c r="P44" s="181"/>
    </row>
    <row r="45" spans="1:16" ht="15.75" customHeight="1" thickBot="1" x14ac:dyDescent="0.2">
      <c r="A45" s="265"/>
      <c r="B45" s="184" t="s">
        <v>150</v>
      </c>
      <c r="C45" s="245"/>
      <c r="D45" s="123" t="s">
        <v>186</v>
      </c>
      <c r="E45" s="141">
        <v>3000</v>
      </c>
      <c r="F45" s="141">
        <v>2000</v>
      </c>
      <c r="G45" s="130"/>
      <c r="H45" s="130"/>
      <c r="I45" s="130" t="s">
        <v>213</v>
      </c>
      <c r="J45" s="215"/>
      <c r="K45" s="242"/>
      <c r="L45" s="181"/>
      <c r="M45" s="181"/>
      <c r="N45" s="181"/>
      <c r="O45" s="181"/>
      <c r="P45" s="181"/>
    </row>
    <row r="46" spans="1:16" ht="15.75" customHeight="1" x14ac:dyDescent="0.15">
      <c r="A46" s="265"/>
      <c r="B46" s="182" t="s">
        <v>187</v>
      </c>
      <c r="C46" s="251" t="s">
        <v>318</v>
      </c>
      <c r="D46" s="185" t="s">
        <v>288</v>
      </c>
      <c r="E46" s="133">
        <v>5500</v>
      </c>
      <c r="F46" s="133">
        <v>4500</v>
      </c>
      <c r="G46" s="133">
        <v>6500</v>
      </c>
      <c r="H46" s="133">
        <v>5000</v>
      </c>
      <c r="I46" s="101" t="s">
        <v>214</v>
      </c>
      <c r="J46" s="235" t="s">
        <v>126</v>
      </c>
      <c r="K46" s="136"/>
      <c r="L46" s="181"/>
      <c r="M46" s="181"/>
      <c r="N46" s="181"/>
      <c r="O46" s="181"/>
      <c r="P46" s="181"/>
    </row>
    <row r="47" spans="1:16" ht="15.75" customHeight="1" x14ac:dyDescent="0.15">
      <c r="A47" s="265"/>
      <c r="B47" s="182" t="s">
        <v>188</v>
      </c>
      <c r="C47" s="246"/>
      <c r="D47" s="176" t="s">
        <v>289</v>
      </c>
      <c r="E47" s="131">
        <v>5500</v>
      </c>
      <c r="F47" s="131">
        <v>4500</v>
      </c>
      <c r="G47" s="131">
        <v>6500</v>
      </c>
      <c r="H47" s="131">
        <v>5000</v>
      </c>
      <c r="I47" s="125" t="s">
        <v>215</v>
      </c>
      <c r="J47" s="214"/>
      <c r="K47" s="136"/>
      <c r="L47" s="181"/>
      <c r="M47" s="181"/>
      <c r="N47" s="181"/>
      <c r="O47" s="181"/>
      <c r="P47" s="181"/>
    </row>
    <row r="48" spans="1:16" ht="15.75" customHeight="1" x14ac:dyDescent="0.15">
      <c r="A48" s="265"/>
      <c r="B48" s="182" t="s">
        <v>189</v>
      </c>
      <c r="C48" s="246"/>
      <c r="D48" s="176" t="s">
        <v>290</v>
      </c>
      <c r="E48" s="131">
        <v>5500</v>
      </c>
      <c r="F48" s="131">
        <v>4500</v>
      </c>
      <c r="G48" s="131">
        <v>6500</v>
      </c>
      <c r="H48" s="131">
        <v>5000</v>
      </c>
      <c r="I48" s="125" t="s">
        <v>216</v>
      </c>
      <c r="J48" s="214"/>
      <c r="K48" s="136"/>
      <c r="L48" s="181"/>
      <c r="M48" s="181"/>
      <c r="N48" s="181"/>
      <c r="O48" s="181"/>
      <c r="P48" s="181"/>
    </row>
    <row r="49" spans="1:16" ht="15.75" customHeight="1" x14ac:dyDescent="0.15">
      <c r="A49" s="265"/>
      <c r="B49" s="182"/>
      <c r="C49" s="171"/>
      <c r="D49" s="176" t="s">
        <v>291</v>
      </c>
      <c r="E49" s="131">
        <v>5300</v>
      </c>
      <c r="F49" s="131">
        <v>4300</v>
      </c>
      <c r="G49" s="131">
        <v>6300</v>
      </c>
      <c r="H49" s="131">
        <v>4800</v>
      </c>
      <c r="I49" s="125" t="s">
        <v>294</v>
      </c>
      <c r="J49" s="214"/>
      <c r="K49" s="136"/>
      <c r="L49" s="181"/>
      <c r="M49" s="181"/>
      <c r="N49" s="181"/>
      <c r="O49" s="181"/>
      <c r="P49" s="181"/>
    </row>
    <row r="50" spans="1:16" ht="15.75" customHeight="1" x14ac:dyDescent="0.15">
      <c r="A50" s="265"/>
      <c r="B50" s="182"/>
      <c r="C50" s="171"/>
      <c r="D50" s="176" t="s">
        <v>292</v>
      </c>
      <c r="E50" s="131">
        <v>5300</v>
      </c>
      <c r="F50" s="131">
        <v>4300</v>
      </c>
      <c r="G50" s="131">
        <v>6300</v>
      </c>
      <c r="H50" s="131">
        <v>4800</v>
      </c>
      <c r="I50" s="125" t="s">
        <v>295</v>
      </c>
      <c r="J50" s="214"/>
      <c r="K50" s="136"/>
      <c r="L50" s="181"/>
      <c r="M50" s="181"/>
      <c r="N50" s="181"/>
      <c r="O50" s="181"/>
      <c r="P50" s="181"/>
    </row>
    <row r="51" spans="1:16" ht="15.75" customHeight="1" x14ac:dyDescent="0.15">
      <c r="A51" s="265"/>
      <c r="B51" s="182"/>
      <c r="C51" s="171"/>
      <c r="D51" s="176" t="s">
        <v>293</v>
      </c>
      <c r="E51" s="131">
        <v>5300</v>
      </c>
      <c r="F51" s="131">
        <v>4300</v>
      </c>
      <c r="G51" s="131">
        <v>6300</v>
      </c>
      <c r="H51" s="131">
        <v>4800</v>
      </c>
      <c r="I51" s="125" t="s">
        <v>296</v>
      </c>
      <c r="J51" s="214"/>
      <c r="K51" s="136"/>
      <c r="L51" s="181"/>
      <c r="M51" s="181"/>
      <c r="N51" s="181"/>
      <c r="O51" s="181"/>
      <c r="P51" s="181"/>
    </row>
    <row r="52" spans="1:16" ht="30.75" customHeight="1" x14ac:dyDescent="0.15">
      <c r="A52" s="265"/>
      <c r="B52" s="182"/>
      <c r="C52" s="280" t="s">
        <v>253</v>
      </c>
      <c r="D52" s="186" t="s">
        <v>239</v>
      </c>
      <c r="E52" s="132">
        <v>5800</v>
      </c>
      <c r="F52" s="132">
        <v>4800</v>
      </c>
      <c r="G52" s="132">
        <v>7000</v>
      </c>
      <c r="H52" s="132">
        <v>5500</v>
      </c>
      <c r="I52" s="125" t="s">
        <v>297</v>
      </c>
      <c r="J52" s="214"/>
      <c r="K52" s="136"/>
      <c r="L52" s="181"/>
      <c r="M52" s="181"/>
      <c r="N52" s="181"/>
      <c r="O52" s="181"/>
      <c r="P52" s="181"/>
    </row>
    <row r="53" spans="1:16" ht="15.75" customHeight="1" thickBot="1" x14ac:dyDescent="0.2">
      <c r="A53" s="279"/>
      <c r="B53" s="182" t="s">
        <v>191</v>
      </c>
      <c r="C53" s="281"/>
      <c r="D53" s="187" t="s">
        <v>255</v>
      </c>
      <c r="E53" s="142">
        <v>1500</v>
      </c>
      <c r="F53" s="142">
        <v>500</v>
      </c>
      <c r="G53" s="142"/>
      <c r="H53" s="142"/>
      <c r="I53" s="134" t="s">
        <v>298</v>
      </c>
      <c r="J53" s="239"/>
      <c r="K53" s="136"/>
      <c r="L53" s="181"/>
      <c r="M53" s="181"/>
      <c r="N53" s="181"/>
      <c r="O53" s="181"/>
      <c r="P53" s="181"/>
    </row>
    <row r="54" spans="1:16" ht="15.75" customHeight="1" thickTop="1" thickBot="1" x14ac:dyDescent="0.2">
      <c r="A54" s="264" t="s">
        <v>257</v>
      </c>
      <c r="B54" s="145" t="s">
        <v>31</v>
      </c>
      <c r="C54" s="271" t="s">
        <v>266</v>
      </c>
      <c r="D54" s="188" t="s">
        <v>246</v>
      </c>
      <c r="E54" s="237" t="s">
        <v>249</v>
      </c>
      <c r="F54" s="237" t="s">
        <v>264</v>
      </c>
      <c r="G54" s="237" t="s">
        <v>249</v>
      </c>
      <c r="H54" s="237" t="s">
        <v>265</v>
      </c>
      <c r="I54" s="124" t="s">
        <v>217</v>
      </c>
      <c r="J54" s="255" t="s">
        <v>55</v>
      </c>
      <c r="K54" s="266"/>
    </row>
    <row r="55" spans="1:16" ht="15.75" customHeight="1" thickTop="1" x14ac:dyDescent="0.15">
      <c r="A55" s="265"/>
      <c r="B55" s="156" t="s">
        <v>32</v>
      </c>
      <c r="C55" s="246"/>
      <c r="D55" s="188" t="s">
        <v>244</v>
      </c>
      <c r="E55" s="223"/>
      <c r="F55" s="223"/>
      <c r="G55" s="223"/>
      <c r="H55" s="223"/>
      <c r="I55" s="125" t="s">
        <v>218</v>
      </c>
      <c r="J55" s="214"/>
      <c r="K55" s="267"/>
    </row>
    <row r="56" spans="1:16" ht="15.75" customHeight="1" x14ac:dyDescent="0.15">
      <c r="A56" s="265"/>
      <c r="B56" s="156"/>
      <c r="C56" s="171"/>
      <c r="D56" s="189" t="s">
        <v>245</v>
      </c>
      <c r="E56" s="223"/>
      <c r="F56" s="223"/>
      <c r="G56" s="223"/>
      <c r="H56" s="223"/>
      <c r="I56" s="125" t="s">
        <v>247</v>
      </c>
      <c r="J56" s="214"/>
      <c r="K56" s="267"/>
    </row>
    <row r="57" spans="1:16" ht="15.75" customHeight="1" x14ac:dyDescent="0.15">
      <c r="A57" s="265"/>
      <c r="B57" s="156" t="s">
        <v>54</v>
      </c>
      <c r="C57" s="218" t="s">
        <v>263</v>
      </c>
      <c r="D57" s="190" t="s">
        <v>254</v>
      </c>
      <c r="E57" s="224"/>
      <c r="F57" s="224"/>
      <c r="G57" s="224"/>
      <c r="H57" s="224"/>
      <c r="I57" s="125" t="s">
        <v>219</v>
      </c>
      <c r="J57" s="214"/>
      <c r="K57" s="267"/>
    </row>
    <row r="58" spans="1:16" ht="15.75" customHeight="1" thickBot="1" x14ac:dyDescent="0.2">
      <c r="A58" s="265"/>
      <c r="B58" s="157" t="s">
        <v>61</v>
      </c>
      <c r="C58" s="219"/>
      <c r="D58" s="197" t="s">
        <v>319</v>
      </c>
      <c r="E58" s="191"/>
      <c r="F58" s="141">
        <v>5000</v>
      </c>
      <c r="G58" s="141"/>
      <c r="H58" s="141"/>
      <c r="I58" s="129" t="s">
        <v>248</v>
      </c>
      <c r="J58" s="214"/>
      <c r="K58" s="268"/>
    </row>
    <row r="59" spans="1:16" ht="15.75" customHeight="1" x14ac:dyDescent="0.15">
      <c r="A59" s="265"/>
      <c r="B59" s="182" t="s">
        <v>63</v>
      </c>
      <c r="C59" s="276" t="s">
        <v>320</v>
      </c>
      <c r="D59" s="192" t="s">
        <v>301</v>
      </c>
      <c r="E59" s="233">
        <v>7150</v>
      </c>
      <c r="F59" s="233">
        <v>6050</v>
      </c>
      <c r="G59" s="233">
        <v>10600</v>
      </c>
      <c r="H59" s="233">
        <v>8400</v>
      </c>
      <c r="I59" s="128" t="s">
        <v>220</v>
      </c>
      <c r="J59" s="235" t="s">
        <v>55</v>
      </c>
      <c r="K59" s="269"/>
    </row>
    <row r="60" spans="1:16" ht="15.75" customHeight="1" x14ac:dyDescent="0.15">
      <c r="A60" s="265"/>
      <c r="B60" s="182" t="s">
        <v>64</v>
      </c>
      <c r="C60" s="276"/>
      <c r="D60" s="193" t="s">
        <v>302</v>
      </c>
      <c r="E60" s="223"/>
      <c r="F60" s="223"/>
      <c r="G60" s="223"/>
      <c r="H60" s="223"/>
      <c r="I60" s="125" t="s">
        <v>221</v>
      </c>
      <c r="J60" s="214"/>
      <c r="K60" s="267"/>
    </row>
    <row r="61" spans="1:16" ht="15.75" customHeight="1" x14ac:dyDescent="0.15">
      <c r="A61" s="265"/>
      <c r="B61" s="182" t="s">
        <v>69</v>
      </c>
      <c r="C61" s="274" t="s">
        <v>190</v>
      </c>
      <c r="D61" s="194" t="s">
        <v>303</v>
      </c>
      <c r="E61" s="223"/>
      <c r="F61" s="223"/>
      <c r="G61" s="223"/>
      <c r="H61" s="223"/>
      <c r="I61" s="125" t="s">
        <v>222</v>
      </c>
      <c r="J61" s="214"/>
      <c r="K61" s="267"/>
    </row>
    <row r="62" spans="1:16" ht="15.75" customHeight="1" x14ac:dyDescent="0.15">
      <c r="A62" s="265"/>
      <c r="B62" s="182"/>
      <c r="C62" s="274"/>
      <c r="D62" s="194" t="s">
        <v>304</v>
      </c>
      <c r="E62" s="224"/>
      <c r="F62" s="224"/>
      <c r="G62" s="224"/>
      <c r="H62" s="224"/>
      <c r="I62" s="125" t="s">
        <v>223</v>
      </c>
      <c r="J62" s="214"/>
      <c r="K62" s="268"/>
    </row>
    <row r="63" spans="1:16" ht="15.75" customHeight="1" thickBot="1" x14ac:dyDescent="0.2">
      <c r="A63" s="265"/>
      <c r="B63" s="157" t="s">
        <v>62</v>
      </c>
      <c r="C63" s="275"/>
      <c r="D63" s="195" t="s">
        <v>256</v>
      </c>
      <c r="E63" s="143">
        <v>6050</v>
      </c>
      <c r="F63" s="143">
        <v>4950</v>
      </c>
      <c r="G63" s="143"/>
      <c r="H63" s="143"/>
      <c r="I63" s="129" t="s">
        <v>224</v>
      </c>
      <c r="J63" s="215"/>
      <c r="K63" s="270"/>
    </row>
    <row r="64" spans="1:16" ht="15.75" customHeight="1" x14ac:dyDescent="0.15">
      <c r="A64" s="265"/>
      <c r="B64" s="208" t="s">
        <v>174</v>
      </c>
      <c r="C64" s="272" t="s">
        <v>286</v>
      </c>
      <c r="D64" s="185" t="s">
        <v>287</v>
      </c>
      <c r="E64" s="277" t="s">
        <v>309</v>
      </c>
      <c r="F64" s="233">
        <v>5500</v>
      </c>
      <c r="G64" s="277" t="s">
        <v>310</v>
      </c>
      <c r="H64" s="233">
        <v>6500</v>
      </c>
      <c r="I64" s="101" t="s">
        <v>225</v>
      </c>
      <c r="J64" s="235" t="s">
        <v>332</v>
      </c>
      <c r="K64" s="269"/>
    </row>
    <row r="65" spans="1:11" ht="15.75" customHeight="1" x14ac:dyDescent="0.15">
      <c r="A65" s="265"/>
      <c r="B65" s="209" t="s">
        <v>175</v>
      </c>
      <c r="C65" s="273"/>
      <c r="D65" s="176" t="s">
        <v>176</v>
      </c>
      <c r="E65" s="226"/>
      <c r="F65" s="224"/>
      <c r="G65" s="226"/>
      <c r="H65" s="224"/>
      <c r="I65" s="125" t="s">
        <v>226</v>
      </c>
      <c r="J65" s="214"/>
      <c r="K65" s="267"/>
    </row>
    <row r="66" spans="1:11" ht="15.75" customHeight="1" x14ac:dyDescent="0.15">
      <c r="A66" s="265"/>
      <c r="B66" s="209" t="s">
        <v>306</v>
      </c>
      <c r="C66" s="218" t="s">
        <v>305</v>
      </c>
      <c r="D66" s="227" t="s">
        <v>186</v>
      </c>
      <c r="E66" s="236" t="s">
        <v>243</v>
      </c>
      <c r="F66" s="234">
        <v>2000</v>
      </c>
      <c r="G66" s="234"/>
      <c r="H66" s="234"/>
      <c r="I66" s="227" t="s">
        <v>227</v>
      </c>
      <c r="J66" s="214"/>
      <c r="K66" s="268"/>
    </row>
    <row r="67" spans="1:11" ht="15.75" customHeight="1" x14ac:dyDescent="0.15">
      <c r="A67" s="265"/>
      <c r="B67" s="209"/>
      <c r="C67" s="218"/>
      <c r="D67" s="216"/>
      <c r="E67" s="225"/>
      <c r="F67" s="223"/>
      <c r="G67" s="223"/>
      <c r="H67" s="223"/>
      <c r="I67" s="216"/>
      <c r="J67" s="214"/>
      <c r="K67" s="268"/>
    </row>
    <row r="68" spans="1:11" ht="15.75" customHeight="1" thickBot="1" x14ac:dyDescent="0.2">
      <c r="A68" s="265"/>
      <c r="B68" s="207" t="s">
        <v>321</v>
      </c>
      <c r="C68" s="219"/>
      <c r="D68" s="217"/>
      <c r="E68" s="228"/>
      <c r="F68" s="229"/>
      <c r="G68" s="229"/>
      <c r="H68" s="229"/>
      <c r="I68" s="217"/>
      <c r="J68" s="215"/>
      <c r="K68" s="268"/>
    </row>
    <row r="69" spans="1:11" ht="15.75" customHeight="1" x14ac:dyDescent="0.15">
      <c r="A69" s="265"/>
      <c r="B69" s="210"/>
      <c r="C69" s="211"/>
      <c r="D69" s="212"/>
      <c r="E69" s="205"/>
      <c r="F69" s="206"/>
      <c r="G69" s="206"/>
      <c r="H69" s="206"/>
      <c r="I69" s="204"/>
      <c r="J69" s="213"/>
      <c r="K69" s="268"/>
    </row>
    <row r="70" spans="1:11" ht="15.75" customHeight="1" x14ac:dyDescent="0.15">
      <c r="A70" s="265"/>
      <c r="B70" s="210" t="s">
        <v>327</v>
      </c>
      <c r="C70" s="218" t="s">
        <v>328</v>
      </c>
      <c r="D70" s="220" t="s">
        <v>329</v>
      </c>
      <c r="E70" s="225">
        <v>7500</v>
      </c>
      <c r="F70" s="223">
        <v>6000</v>
      </c>
      <c r="G70" s="223">
        <v>8800</v>
      </c>
      <c r="H70" s="223">
        <v>7000</v>
      </c>
      <c r="I70" s="216" t="s">
        <v>330</v>
      </c>
      <c r="J70" s="214" t="s">
        <v>333</v>
      </c>
      <c r="K70" s="268"/>
    </row>
    <row r="71" spans="1:11" ht="15.75" customHeight="1" x14ac:dyDescent="0.15">
      <c r="A71" s="265"/>
      <c r="B71" s="210" t="s">
        <v>322</v>
      </c>
      <c r="C71" s="218"/>
      <c r="D71" s="221"/>
      <c r="E71" s="226"/>
      <c r="F71" s="224"/>
      <c r="G71" s="224"/>
      <c r="H71" s="224"/>
      <c r="I71" s="222"/>
      <c r="J71" s="214"/>
      <c r="K71" s="268"/>
    </row>
    <row r="72" spans="1:11" ht="15.75" customHeight="1" x14ac:dyDescent="0.15">
      <c r="A72" s="265"/>
      <c r="B72" s="210" t="s">
        <v>323</v>
      </c>
      <c r="C72" s="218"/>
      <c r="D72" s="227" t="s">
        <v>325</v>
      </c>
      <c r="E72" s="225">
        <v>5500</v>
      </c>
      <c r="F72" s="223">
        <v>4000</v>
      </c>
      <c r="G72" s="223" t="s">
        <v>326</v>
      </c>
      <c r="H72" s="223" t="s">
        <v>326</v>
      </c>
      <c r="I72" s="216" t="s">
        <v>331</v>
      </c>
      <c r="J72" s="214"/>
      <c r="K72" s="268"/>
    </row>
    <row r="73" spans="1:11" ht="15.75" customHeight="1" thickBot="1" x14ac:dyDescent="0.2">
      <c r="A73" s="294"/>
      <c r="B73" s="184" t="s">
        <v>324</v>
      </c>
      <c r="C73" s="219"/>
      <c r="D73" s="217"/>
      <c r="E73" s="228"/>
      <c r="F73" s="229"/>
      <c r="G73" s="229"/>
      <c r="H73" s="229"/>
      <c r="I73" s="217"/>
      <c r="J73" s="215"/>
      <c r="K73" s="270"/>
    </row>
    <row r="74" spans="1:11" ht="15.75" customHeight="1" x14ac:dyDescent="0.15">
      <c r="A74" s="198"/>
      <c r="B74" s="182"/>
      <c r="C74" s="199"/>
      <c r="D74" s="200"/>
      <c r="E74" s="201"/>
      <c r="F74" s="201"/>
      <c r="G74" s="201"/>
      <c r="H74" s="201"/>
      <c r="I74" s="202"/>
      <c r="J74" s="202"/>
      <c r="K74" s="203"/>
    </row>
  </sheetData>
  <mergeCells count="105">
    <mergeCell ref="A4:A5"/>
    <mergeCell ref="C23:C24"/>
    <mergeCell ref="C25:C26"/>
    <mergeCell ref="C9:C10"/>
    <mergeCell ref="C11:C12"/>
    <mergeCell ref="A6:A53"/>
    <mergeCell ref="C46:C48"/>
    <mergeCell ref="C52:C53"/>
    <mergeCell ref="C16:C22"/>
    <mergeCell ref="C27:C28"/>
    <mergeCell ref="C29:C30"/>
    <mergeCell ref="C38:C39"/>
    <mergeCell ref="C40:C41"/>
    <mergeCell ref="A54:A73"/>
    <mergeCell ref="K38:K41"/>
    <mergeCell ref="K42:K45"/>
    <mergeCell ref="C44:C45"/>
    <mergeCell ref="C42:C43"/>
    <mergeCell ref="J42:J45"/>
    <mergeCell ref="K54:K58"/>
    <mergeCell ref="K59:K63"/>
    <mergeCell ref="K64:K73"/>
    <mergeCell ref="F54:F57"/>
    <mergeCell ref="G54:G57"/>
    <mergeCell ref="H54:H57"/>
    <mergeCell ref="J54:J58"/>
    <mergeCell ref="J59:J63"/>
    <mergeCell ref="C54:C55"/>
    <mergeCell ref="C64:C65"/>
    <mergeCell ref="C61:C63"/>
    <mergeCell ref="C59:C60"/>
    <mergeCell ref="C66:C68"/>
    <mergeCell ref="D66:D68"/>
    <mergeCell ref="H64:H65"/>
    <mergeCell ref="E64:E65"/>
    <mergeCell ref="F64:F65"/>
    <mergeCell ref="G64:G65"/>
    <mergeCell ref="K6:K8"/>
    <mergeCell ref="K9:K12"/>
    <mergeCell ref="K13:K22"/>
    <mergeCell ref="K23:K26"/>
    <mergeCell ref="J9:J12"/>
    <mergeCell ref="B1:D1"/>
    <mergeCell ref="E5:F5"/>
    <mergeCell ref="G5:H5"/>
    <mergeCell ref="G1:J1"/>
    <mergeCell ref="C13:C15"/>
    <mergeCell ref="E6:E7"/>
    <mergeCell ref="F6:F7"/>
    <mergeCell ref="G6:G7"/>
    <mergeCell ref="H6:H7"/>
    <mergeCell ref="I4:I5"/>
    <mergeCell ref="J4:J5"/>
    <mergeCell ref="J6:J8"/>
    <mergeCell ref="J23:J26"/>
    <mergeCell ref="J13:J22"/>
    <mergeCell ref="E22:F22"/>
    <mergeCell ref="H9:H11"/>
    <mergeCell ref="I9:I11"/>
    <mergeCell ref="D9:D11"/>
    <mergeCell ref="E9:E11"/>
    <mergeCell ref="C57:C58"/>
    <mergeCell ref="E54:E57"/>
    <mergeCell ref="K27:K30"/>
    <mergeCell ref="J46:J53"/>
    <mergeCell ref="F39:F40"/>
    <mergeCell ref="G39:G40"/>
    <mergeCell ref="H39:H40"/>
    <mergeCell ref="J27:J30"/>
    <mergeCell ref="H42:H44"/>
    <mergeCell ref="J31:J37"/>
    <mergeCell ref="K31:K37"/>
    <mergeCell ref="G42:G44"/>
    <mergeCell ref="F43:F44"/>
    <mergeCell ref="J38:J41"/>
    <mergeCell ref="C34:C37"/>
    <mergeCell ref="C31:C32"/>
    <mergeCell ref="F9:F11"/>
    <mergeCell ref="G9:G11"/>
    <mergeCell ref="E43:E44"/>
    <mergeCell ref="E59:E62"/>
    <mergeCell ref="F59:F62"/>
    <mergeCell ref="G59:G62"/>
    <mergeCell ref="H59:H62"/>
    <mergeCell ref="E39:E40"/>
    <mergeCell ref="J64:J68"/>
    <mergeCell ref="I66:I68"/>
    <mergeCell ref="E66:E68"/>
    <mergeCell ref="F66:F68"/>
    <mergeCell ref="G66:G68"/>
    <mergeCell ref="H66:H68"/>
    <mergeCell ref="J70:J73"/>
    <mergeCell ref="I72:I73"/>
    <mergeCell ref="C70:C73"/>
    <mergeCell ref="D70:D71"/>
    <mergeCell ref="I70:I71"/>
    <mergeCell ref="H70:H71"/>
    <mergeCell ref="G70:G71"/>
    <mergeCell ref="F70:F71"/>
    <mergeCell ref="E70:E71"/>
    <mergeCell ref="D72:D73"/>
    <mergeCell ref="E72:E73"/>
    <mergeCell ref="F72:F73"/>
    <mergeCell ref="G72:G73"/>
    <mergeCell ref="H72:H73"/>
  </mergeCells>
  <phoneticPr fontId="1"/>
  <pageMargins left="0.43307086614173229" right="0.43307086614173229" top="0.55118110236220474" bottom="0.35433070866141736" header="0.31496062992125984" footer="0.31496062992125984"/>
  <pageSetup paperSize="9" scale="71" fitToWidth="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pageSetUpPr fitToPage="1"/>
  </sheetPr>
  <dimension ref="A1:R45"/>
  <sheetViews>
    <sheetView zoomScale="85" zoomScaleNormal="85" workbookViewId="0">
      <pane xSplit="2" ySplit="2" topLeftCell="C3" activePane="bottomRight" state="frozen"/>
      <selection pane="topRight" activeCell="C1" sqref="C1"/>
      <selection pane="bottomLeft" activeCell="A3" sqref="A3"/>
      <selection pane="bottomRight" activeCell="K22" sqref="K22"/>
    </sheetView>
  </sheetViews>
  <sheetFormatPr defaultRowHeight="13.5" x14ac:dyDescent="0.15"/>
  <cols>
    <col min="1" max="1" width="2.5" customWidth="1"/>
    <col min="2" max="2" width="25.5" bestFit="1" customWidth="1"/>
    <col min="3" max="3" width="13.125" customWidth="1"/>
    <col min="4" max="4" width="13" customWidth="1"/>
    <col min="5" max="5" width="8.875" style="35" bestFit="1" customWidth="1"/>
    <col min="6" max="6" width="10.125" style="35" bestFit="1" customWidth="1"/>
    <col min="7" max="7" width="15.5" bestFit="1" customWidth="1"/>
    <col min="8" max="8" width="12.5" customWidth="1"/>
    <col min="9" max="10" width="8.375" bestFit="1" customWidth="1"/>
    <col min="11" max="11" width="8.25" bestFit="1" customWidth="1"/>
    <col min="12" max="12" width="7.125" style="35" bestFit="1" customWidth="1"/>
    <col min="13" max="13" width="14" style="35" bestFit="1" customWidth="1"/>
    <col min="14" max="14" width="9.125" style="35" bestFit="1" customWidth="1"/>
    <col min="15" max="15" width="9.625" style="35" bestFit="1" customWidth="1"/>
    <col min="16" max="16" width="12.375" style="35" bestFit="1" customWidth="1"/>
  </cols>
  <sheetData>
    <row r="1" spans="1:18" x14ac:dyDescent="0.15">
      <c r="A1" s="81"/>
      <c r="B1" s="82"/>
      <c r="C1" s="82"/>
      <c r="D1" s="82"/>
      <c r="E1" s="83"/>
      <c r="F1" s="83"/>
      <c r="G1" s="82"/>
      <c r="H1" s="288" t="s">
        <v>48</v>
      </c>
      <c r="I1" s="288"/>
      <c r="J1" s="288"/>
      <c r="K1" s="288"/>
      <c r="L1" s="289" t="s">
        <v>5</v>
      </c>
      <c r="M1" s="290"/>
      <c r="N1" s="290"/>
      <c r="O1" s="290"/>
      <c r="P1" s="291"/>
    </row>
    <row r="2" spans="1:18" x14ac:dyDescent="0.15">
      <c r="A2" s="84"/>
      <c r="B2" s="73" t="s">
        <v>0</v>
      </c>
      <c r="C2" s="68" t="s">
        <v>34</v>
      </c>
      <c r="D2" s="68" t="s">
        <v>35</v>
      </c>
      <c r="E2" s="41" t="s">
        <v>15</v>
      </c>
      <c r="F2" s="42" t="s">
        <v>16</v>
      </c>
      <c r="G2" s="68" t="s">
        <v>1</v>
      </c>
      <c r="H2" s="24" t="s">
        <v>71</v>
      </c>
      <c r="I2" s="3">
        <v>43322</v>
      </c>
      <c r="J2" s="3">
        <v>43323</v>
      </c>
      <c r="K2" s="3">
        <v>43324</v>
      </c>
      <c r="L2" s="56" t="s">
        <v>6</v>
      </c>
      <c r="M2" s="56" t="s">
        <v>7</v>
      </c>
      <c r="N2" s="56" t="s">
        <v>8</v>
      </c>
      <c r="O2" s="57" t="s">
        <v>9</v>
      </c>
      <c r="P2" s="85" t="s">
        <v>10</v>
      </c>
    </row>
    <row r="3" spans="1:18" ht="13.5" customHeight="1" x14ac:dyDescent="0.15">
      <c r="A3" s="292" t="s">
        <v>30</v>
      </c>
      <c r="B3" s="74" t="s">
        <v>4</v>
      </c>
      <c r="C3" s="14" t="s">
        <v>44</v>
      </c>
      <c r="D3" s="14" t="s">
        <v>45</v>
      </c>
      <c r="E3" s="43">
        <v>0.625</v>
      </c>
      <c r="F3" s="43">
        <v>0.41666666666666669</v>
      </c>
      <c r="G3" s="15" t="s">
        <v>46</v>
      </c>
      <c r="H3" s="2" t="s">
        <v>83</v>
      </c>
      <c r="I3" s="2" t="s">
        <v>83</v>
      </c>
      <c r="J3" s="2" t="s">
        <v>83</v>
      </c>
      <c r="K3" s="2" t="s">
        <v>83</v>
      </c>
      <c r="L3" s="58" t="s">
        <v>13</v>
      </c>
      <c r="M3" s="59" t="s">
        <v>13</v>
      </c>
      <c r="N3" s="58" t="s">
        <v>26</v>
      </c>
      <c r="O3" s="59" t="s">
        <v>27</v>
      </c>
      <c r="P3" s="86" t="s">
        <v>17</v>
      </c>
      <c r="Q3" s="80"/>
      <c r="R3" s="5"/>
    </row>
    <row r="4" spans="1:18" x14ac:dyDescent="0.15">
      <c r="A4" s="292"/>
      <c r="B4" s="17" t="s">
        <v>11</v>
      </c>
      <c r="C4" s="20"/>
      <c r="D4" s="20"/>
      <c r="E4" s="36"/>
      <c r="F4" s="36"/>
      <c r="G4" s="15" t="s">
        <v>47</v>
      </c>
      <c r="H4" s="2" t="s">
        <v>84</v>
      </c>
      <c r="I4" s="2" t="s">
        <v>84</v>
      </c>
      <c r="J4" s="2" t="s">
        <v>84</v>
      </c>
      <c r="K4" s="2" t="s">
        <v>84</v>
      </c>
      <c r="L4" s="60"/>
      <c r="M4" s="61"/>
      <c r="N4" s="72"/>
      <c r="O4" s="61"/>
      <c r="P4" s="87"/>
    </row>
    <row r="5" spans="1:18" x14ac:dyDescent="0.15">
      <c r="A5" s="292"/>
      <c r="B5" s="75" t="s">
        <v>12</v>
      </c>
      <c r="C5" s="28"/>
      <c r="D5" s="19"/>
      <c r="E5" s="37"/>
      <c r="F5" s="37"/>
      <c r="G5" s="2"/>
      <c r="H5" s="1"/>
      <c r="I5" s="1"/>
      <c r="J5" s="1"/>
      <c r="K5" s="1"/>
      <c r="L5" s="31"/>
      <c r="M5" s="52"/>
      <c r="N5" s="31"/>
      <c r="O5" s="52"/>
      <c r="P5" s="88"/>
    </row>
    <row r="6" spans="1:18" ht="21" x14ac:dyDescent="0.15">
      <c r="A6" s="292"/>
      <c r="B6" s="10" t="s">
        <v>59</v>
      </c>
      <c r="C6" s="13" t="s">
        <v>42</v>
      </c>
      <c r="D6" s="8" t="s">
        <v>43</v>
      </c>
      <c r="E6" s="43">
        <v>0.625</v>
      </c>
      <c r="F6" s="43">
        <v>0.41666666666666669</v>
      </c>
      <c r="G6" s="51" t="s">
        <v>95</v>
      </c>
      <c r="H6" s="2" t="s">
        <v>85</v>
      </c>
      <c r="I6" s="2" t="s">
        <v>120</v>
      </c>
      <c r="J6" s="2" t="s">
        <v>120</v>
      </c>
      <c r="K6" s="2" t="s">
        <v>85</v>
      </c>
      <c r="L6" s="59" t="s">
        <v>13</v>
      </c>
      <c r="M6" s="58" t="s">
        <v>18</v>
      </c>
      <c r="N6" s="59" t="s">
        <v>19</v>
      </c>
      <c r="O6" s="58" t="s">
        <v>22</v>
      </c>
      <c r="P6" s="89" t="s">
        <v>17</v>
      </c>
    </row>
    <row r="7" spans="1:18" x14ac:dyDescent="0.15">
      <c r="A7" s="292"/>
      <c r="B7" s="11" t="s">
        <v>20</v>
      </c>
      <c r="C7" s="22"/>
      <c r="D7" s="6"/>
      <c r="E7" s="36"/>
      <c r="F7" s="36"/>
      <c r="G7" s="2"/>
      <c r="H7" s="2"/>
      <c r="I7" s="2"/>
      <c r="J7" s="2"/>
      <c r="K7" s="2"/>
      <c r="L7" s="32"/>
      <c r="M7" s="30"/>
      <c r="N7" s="32"/>
      <c r="O7" s="30"/>
      <c r="P7" s="90"/>
    </row>
    <row r="8" spans="1:18" x14ac:dyDescent="0.15">
      <c r="A8" s="292"/>
      <c r="B8" s="12" t="s">
        <v>21</v>
      </c>
      <c r="C8" s="23"/>
      <c r="D8" s="21"/>
      <c r="E8" s="38"/>
      <c r="F8" s="38"/>
      <c r="G8" s="2"/>
      <c r="H8" s="2"/>
      <c r="I8" s="2"/>
      <c r="J8" s="2"/>
      <c r="K8" s="2"/>
      <c r="L8" s="52"/>
      <c r="M8" s="31"/>
      <c r="N8" s="52"/>
      <c r="O8" s="31"/>
      <c r="P8" s="91"/>
    </row>
    <row r="9" spans="1:18" x14ac:dyDescent="0.15">
      <c r="A9" s="292"/>
      <c r="B9" s="10" t="s">
        <v>23</v>
      </c>
      <c r="C9" s="13" t="s">
        <v>40</v>
      </c>
      <c r="D9" s="8" t="s">
        <v>41</v>
      </c>
      <c r="E9" s="43">
        <v>0.625</v>
      </c>
      <c r="F9" s="43">
        <v>0.45833333333333331</v>
      </c>
      <c r="G9" s="49" t="s">
        <v>14</v>
      </c>
      <c r="H9" s="15" t="s">
        <v>89</v>
      </c>
      <c r="I9" s="15" t="s">
        <v>88</v>
      </c>
      <c r="J9" s="15" t="s">
        <v>88</v>
      </c>
      <c r="K9" s="15" t="s">
        <v>84</v>
      </c>
      <c r="L9" s="59" t="s">
        <v>17</v>
      </c>
      <c r="M9" s="58" t="s">
        <v>18</v>
      </c>
      <c r="N9" s="59" t="s">
        <v>19</v>
      </c>
      <c r="O9" s="58" t="s">
        <v>27</v>
      </c>
      <c r="P9" s="89" t="s">
        <v>17</v>
      </c>
    </row>
    <row r="10" spans="1:18" x14ac:dyDescent="0.15">
      <c r="A10" s="292"/>
      <c r="B10" s="11" t="s">
        <v>24</v>
      </c>
      <c r="C10" s="22"/>
      <c r="D10" s="6"/>
      <c r="E10" s="36"/>
      <c r="F10" s="36"/>
      <c r="G10" s="50" t="s">
        <v>91</v>
      </c>
      <c r="H10" s="15" t="s">
        <v>89</v>
      </c>
      <c r="I10" s="15" t="s">
        <v>96</v>
      </c>
      <c r="J10" s="15" t="s">
        <v>96</v>
      </c>
      <c r="K10" s="15" t="s">
        <v>97</v>
      </c>
      <c r="L10" s="61"/>
      <c r="M10" s="60"/>
      <c r="N10" s="61"/>
      <c r="O10" s="60"/>
      <c r="P10" s="92"/>
    </row>
    <row r="11" spans="1:18" ht="22.5" x14ac:dyDescent="0.15">
      <c r="A11" s="292"/>
      <c r="B11" s="5"/>
      <c r="C11" s="22"/>
      <c r="D11" s="6"/>
      <c r="E11" s="36"/>
      <c r="F11" s="36"/>
      <c r="G11" s="49" t="s">
        <v>94</v>
      </c>
      <c r="H11" s="15" t="s">
        <v>89</v>
      </c>
      <c r="I11" s="15" t="s">
        <v>96</v>
      </c>
      <c r="J11" s="15" t="s">
        <v>96</v>
      </c>
      <c r="K11" s="15" t="s">
        <v>97</v>
      </c>
      <c r="L11" s="61"/>
      <c r="M11" s="60"/>
      <c r="N11" s="61"/>
      <c r="O11" s="60"/>
      <c r="P11" s="92"/>
    </row>
    <row r="12" spans="1:18" ht="22.5" x14ac:dyDescent="0.15">
      <c r="A12" s="292"/>
      <c r="B12" s="17"/>
      <c r="C12" s="20"/>
      <c r="D12" s="18"/>
      <c r="E12" s="36"/>
      <c r="F12" s="39"/>
      <c r="G12" s="49" t="s">
        <v>92</v>
      </c>
      <c r="H12" s="15" t="s">
        <v>89</v>
      </c>
      <c r="I12" s="15" t="s">
        <v>87</v>
      </c>
      <c r="J12" s="15" t="s">
        <v>87</v>
      </c>
      <c r="K12" s="15" t="s">
        <v>84</v>
      </c>
      <c r="L12" s="32"/>
      <c r="M12" s="30"/>
      <c r="N12" s="32"/>
      <c r="O12" s="30"/>
      <c r="P12" s="90"/>
    </row>
    <row r="13" spans="1:18" x14ac:dyDescent="0.15">
      <c r="A13" s="292"/>
      <c r="B13" s="17"/>
      <c r="C13" s="20"/>
      <c r="D13" s="18"/>
      <c r="E13" s="36"/>
      <c r="F13" s="36"/>
      <c r="G13" s="49" t="s">
        <v>93</v>
      </c>
      <c r="H13" s="2" t="s">
        <v>90</v>
      </c>
      <c r="I13" s="15" t="s">
        <v>84</v>
      </c>
      <c r="J13" s="15" t="s">
        <v>84</v>
      </c>
      <c r="K13" s="15" t="s">
        <v>97</v>
      </c>
      <c r="L13" s="76"/>
      <c r="M13" s="30"/>
      <c r="N13" s="32"/>
      <c r="O13" s="30"/>
      <c r="P13" s="90"/>
    </row>
    <row r="14" spans="1:18" ht="21.75" x14ac:dyDescent="0.15">
      <c r="A14" s="292"/>
      <c r="B14" s="11" t="s">
        <v>25</v>
      </c>
      <c r="C14" s="20"/>
      <c r="D14" s="18"/>
      <c r="E14" s="38"/>
      <c r="F14" s="39"/>
      <c r="G14" s="49" t="s">
        <v>98</v>
      </c>
      <c r="H14" s="2" t="s">
        <v>90</v>
      </c>
      <c r="I14" s="15" t="s">
        <v>84</v>
      </c>
      <c r="J14" s="15" t="s">
        <v>84</v>
      </c>
      <c r="K14" s="15" t="s">
        <v>97</v>
      </c>
      <c r="L14" s="32"/>
      <c r="M14" s="30"/>
      <c r="N14" s="32"/>
      <c r="O14" s="30"/>
      <c r="P14" s="90"/>
    </row>
    <row r="15" spans="1:18" x14ac:dyDescent="0.15">
      <c r="A15" s="292"/>
      <c r="B15" s="10" t="s">
        <v>72</v>
      </c>
      <c r="C15" s="13" t="s">
        <v>38</v>
      </c>
      <c r="D15" s="13" t="s">
        <v>39</v>
      </c>
      <c r="E15" s="44">
        <v>0.625</v>
      </c>
      <c r="F15" s="45">
        <v>0.41666666666666669</v>
      </c>
      <c r="G15" s="15" t="s">
        <v>73</v>
      </c>
      <c r="H15" s="2" t="s">
        <v>86</v>
      </c>
      <c r="I15" s="2" t="s">
        <v>86</v>
      </c>
      <c r="J15" s="2" t="s">
        <v>86</v>
      </c>
      <c r="K15" s="2" t="s">
        <v>86</v>
      </c>
      <c r="L15" s="59" t="s">
        <v>17</v>
      </c>
      <c r="M15" s="58" t="s">
        <v>18</v>
      </c>
      <c r="N15" s="59" t="s">
        <v>99</v>
      </c>
      <c r="O15" s="58" t="s">
        <v>33</v>
      </c>
      <c r="P15" s="89" t="s">
        <v>17</v>
      </c>
    </row>
    <row r="16" spans="1:18" x14ac:dyDescent="0.15">
      <c r="A16" s="292"/>
      <c r="B16" s="11" t="s">
        <v>28</v>
      </c>
      <c r="C16" s="22"/>
      <c r="D16" s="22"/>
      <c r="E16" s="33"/>
      <c r="F16" s="39"/>
      <c r="G16" s="26" t="s">
        <v>74</v>
      </c>
      <c r="H16" s="2" t="s">
        <v>87</v>
      </c>
      <c r="I16" s="2" t="s">
        <v>87</v>
      </c>
      <c r="J16" s="2" t="s">
        <v>87</v>
      </c>
      <c r="K16" s="2" t="s">
        <v>87</v>
      </c>
      <c r="L16" s="61"/>
      <c r="M16" s="60"/>
      <c r="N16" s="61"/>
      <c r="O16" s="60"/>
      <c r="P16" s="92"/>
    </row>
    <row r="17" spans="1:17" x14ac:dyDescent="0.15">
      <c r="A17" s="292"/>
      <c r="B17" s="12" t="s">
        <v>29</v>
      </c>
      <c r="C17" s="23"/>
      <c r="D17" s="23"/>
      <c r="E17" s="34"/>
      <c r="F17" s="37"/>
      <c r="G17" s="2"/>
      <c r="H17" s="2"/>
      <c r="I17" s="2"/>
      <c r="J17" s="2"/>
      <c r="K17" s="2"/>
      <c r="L17" s="62"/>
      <c r="M17" s="63"/>
      <c r="N17" s="62"/>
      <c r="O17" s="63"/>
      <c r="P17" s="93"/>
    </row>
    <row r="18" spans="1:17" x14ac:dyDescent="0.15">
      <c r="A18" s="292"/>
      <c r="B18" s="10" t="s">
        <v>75</v>
      </c>
      <c r="C18" s="13" t="s">
        <v>76</v>
      </c>
      <c r="D18" s="13" t="s">
        <v>77</v>
      </c>
      <c r="E18" s="44">
        <v>0.625</v>
      </c>
      <c r="F18" s="45">
        <v>0.41666666666666669</v>
      </c>
      <c r="G18" s="2" t="s">
        <v>67</v>
      </c>
      <c r="H18" s="2" t="s">
        <v>128</v>
      </c>
      <c r="I18" s="2" t="s">
        <v>128</v>
      </c>
      <c r="J18" s="2" t="s">
        <v>128</v>
      </c>
      <c r="K18" s="2" t="s">
        <v>128</v>
      </c>
      <c r="L18" s="59" t="s">
        <v>17</v>
      </c>
      <c r="M18" s="58" t="s">
        <v>13</v>
      </c>
      <c r="N18" s="59" t="s">
        <v>100</v>
      </c>
      <c r="O18" s="58" t="s">
        <v>112</v>
      </c>
      <c r="P18" s="89" t="s">
        <v>17</v>
      </c>
    </row>
    <row r="19" spans="1:17" x14ac:dyDescent="0.15">
      <c r="A19" s="292"/>
      <c r="B19" s="11" t="s">
        <v>78</v>
      </c>
      <c r="C19" s="22"/>
      <c r="D19" s="22"/>
      <c r="E19" s="33"/>
      <c r="F19" s="39"/>
      <c r="G19" s="2"/>
      <c r="H19" s="2"/>
      <c r="I19" s="2"/>
      <c r="J19" s="2"/>
      <c r="K19" s="2"/>
      <c r="L19" s="61"/>
      <c r="M19" s="60"/>
      <c r="N19" s="61"/>
      <c r="O19" s="60" t="s">
        <v>129</v>
      </c>
      <c r="P19" s="90"/>
    </row>
    <row r="20" spans="1:17" x14ac:dyDescent="0.15">
      <c r="A20" s="292"/>
      <c r="B20" s="12" t="s">
        <v>79</v>
      </c>
      <c r="C20" s="23"/>
      <c r="D20" s="23"/>
      <c r="E20" s="34"/>
      <c r="F20" s="37"/>
      <c r="G20" s="2"/>
      <c r="H20" s="2"/>
      <c r="I20" s="2"/>
      <c r="J20" s="2"/>
      <c r="K20" s="2"/>
      <c r="L20" s="52"/>
      <c r="M20" s="31"/>
      <c r="N20" s="52"/>
      <c r="O20" s="31"/>
      <c r="P20" s="91"/>
    </row>
    <row r="21" spans="1:17" x14ac:dyDescent="0.15">
      <c r="A21" s="292"/>
      <c r="B21" s="10" t="s">
        <v>114</v>
      </c>
      <c r="C21" s="13" t="s">
        <v>116</v>
      </c>
      <c r="D21" s="22" t="s">
        <v>117</v>
      </c>
      <c r="E21" s="43">
        <v>0.66666666666666663</v>
      </c>
      <c r="F21" s="67">
        <v>0.41666666666666669</v>
      </c>
      <c r="G21" s="28" t="s">
        <v>118</v>
      </c>
      <c r="H21" s="28" t="s">
        <v>120</v>
      </c>
      <c r="I21" s="28" t="s">
        <v>120</v>
      </c>
      <c r="J21" s="28" t="s">
        <v>120</v>
      </c>
      <c r="K21" s="28" t="s">
        <v>122</v>
      </c>
      <c r="L21" s="61" t="s">
        <v>13</v>
      </c>
      <c r="M21" s="60" t="s">
        <v>13</v>
      </c>
      <c r="N21" s="61" t="s">
        <v>123</v>
      </c>
      <c r="O21" s="60" t="s">
        <v>124</v>
      </c>
      <c r="P21" s="92" t="s">
        <v>17</v>
      </c>
    </row>
    <row r="22" spans="1:17" x14ac:dyDescent="0.15">
      <c r="A22" s="292"/>
      <c r="B22" s="11" t="s">
        <v>146</v>
      </c>
      <c r="C22" s="22"/>
      <c r="D22" s="22"/>
      <c r="E22" s="36"/>
      <c r="F22" s="33"/>
      <c r="G22" s="2" t="s">
        <v>119</v>
      </c>
      <c r="H22" s="2" t="s">
        <v>121</v>
      </c>
      <c r="I22" s="2" t="s">
        <v>121</v>
      </c>
      <c r="J22" s="2" t="s">
        <v>121</v>
      </c>
      <c r="K22" s="2" t="s">
        <v>121</v>
      </c>
      <c r="L22" s="32"/>
      <c r="M22" s="30"/>
      <c r="N22" s="32"/>
      <c r="O22" s="30"/>
      <c r="P22" s="90"/>
    </row>
    <row r="23" spans="1:17" x14ac:dyDescent="0.15">
      <c r="A23" s="292"/>
      <c r="B23" s="11"/>
      <c r="C23" s="22"/>
      <c r="D23" s="22"/>
      <c r="E23" s="36"/>
      <c r="F23" s="33"/>
      <c r="G23" s="2"/>
      <c r="H23" s="2"/>
      <c r="I23" s="2"/>
      <c r="J23" s="2"/>
      <c r="K23" s="2"/>
      <c r="L23" s="32"/>
      <c r="M23" s="30"/>
      <c r="N23" s="32"/>
      <c r="O23" s="30"/>
      <c r="P23" s="90"/>
    </row>
    <row r="24" spans="1:17" x14ac:dyDescent="0.15">
      <c r="A24" s="292"/>
      <c r="B24" s="17"/>
      <c r="C24" s="22"/>
      <c r="D24" s="22"/>
      <c r="E24" s="36"/>
      <c r="F24" s="33"/>
      <c r="G24" s="2"/>
      <c r="H24" s="2"/>
      <c r="I24" s="2"/>
      <c r="J24" s="2"/>
      <c r="K24" s="2"/>
      <c r="L24" s="32"/>
      <c r="M24" s="30"/>
      <c r="N24" s="32"/>
      <c r="O24" s="30"/>
      <c r="P24" s="90"/>
    </row>
    <row r="25" spans="1:17" x14ac:dyDescent="0.15">
      <c r="A25" s="292"/>
      <c r="B25" s="12" t="s">
        <v>115</v>
      </c>
      <c r="C25" s="23"/>
      <c r="D25" s="23"/>
      <c r="E25" s="38"/>
      <c r="F25" s="40"/>
      <c r="G25" s="2"/>
      <c r="H25" s="2"/>
      <c r="I25" s="2"/>
      <c r="J25" s="2"/>
      <c r="K25" s="2"/>
      <c r="L25" s="70"/>
      <c r="M25" s="31"/>
      <c r="N25" s="52"/>
      <c r="O25" s="31"/>
      <c r="P25" s="91"/>
    </row>
    <row r="26" spans="1:17" x14ac:dyDescent="0.15">
      <c r="A26" s="292"/>
      <c r="B26" s="10" t="s">
        <v>131</v>
      </c>
      <c r="C26" s="13" t="s">
        <v>130</v>
      </c>
      <c r="D26" s="13" t="s">
        <v>130</v>
      </c>
      <c r="E26" s="46">
        <v>0.625</v>
      </c>
      <c r="F26" s="44">
        <v>0.45833333333333331</v>
      </c>
      <c r="G26" s="2" t="s">
        <v>133</v>
      </c>
      <c r="H26" s="2" t="s">
        <v>134</v>
      </c>
      <c r="I26" s="2" t="s">
        <v>134</v>
      </c>
      <c r="J26" s="2" t="s">
        <v>134</v>
      </c>
      <c r="K26" s="2" t="s">
        <v>134</v>
      </c>
      <c r="L26" s="59" t="s">
        <v>17</v>
      </c>
      <c r="M26" s="58" t="s">
        <v>13</v>
      </c>
      <c r="N26" s="59" t="s">
        <v>138</v>
      </c>
      <c r="O26" s="58" t="s">
        <v>139</v>
      </c>
      <c r="P26" s="89" t="s">
        <v>140</v>
      </c>
      <c r="Q26" s="71"/>
    </row>
    <row r="27" spans="1:17" x14ac:dyDescent="0.15">
      <c r="A27" s="292"/>
      <c r="B27" s="11" t="s">
        <v>132</v>
      </c>
      <c r="C27" s="22"/>
      <c r="D27" s="22"/>
      <c r="E27" s="65"/>
      <c r="F27" s="33"/>
      <c r="G27" s="2" t="s">
        <v>119</v>
      </c>
      <c r="H27" s="2" t="s">
        <v>135</v>
      </c>
      <c r="I27" s="2" t="s">
        <v>136</v>
      </c>
      <c r="J27" s="2" t="s">
        <v>137</v>
      </c>
      <c r="K27" s="2" t="s">
        <v>135</v>
      </c>
      <c r="L27" s="32"/>
      <c r="M27" s="30"/>
      <c r="N27" s="32"/>
      <c r="O27" s="30"/>
      <c r="P27" s="92" t="s">
        <v>141</v>
      </c>
    </row>
    <row r="28" spans="1:17" x14ac:dyDescent="0.15">
      <c r="A28" s="292"/>
      <c r="B28" s="12" t="s">
        <v>142</v>
      </c>
      <c r="C28" s="23"/>
      <c r="D28" s="23"/>
      <c r="E28" s="40"/>
      <c r="F28" s="34"/>
      <c r="G28" s="2"/>
      <c r="H28" s="2"/>
      <c r="I28" s="2"/>
      <c r="J28" s="2"/>
      <c r="K28" s="2"/>
      <c r="L28" s="52"/>
      <c r="M28" s="31"/>
      <c r="N28" s="52"/>
      <c r="O28" s="31"/>
      <c r="P28" s="91"/>
    </row>
    <row r="29" spans="1:17" x14ac:dyDescent="0.15">
      <c r="A29" s="292"/>
      <c r="B29" s="11" t="s">
        <v>148</v>
      </c>
      <c r="C29" s="22" t="s">
        <v>151</v>
      </c>
      <c r="D29" s="22" t="s">
        <v>152</v>
      </c>
      <c r="E29" s="69">
        <v>0.66666666666666663</v>
      </c>
      <c r="F29" s="67">
        <v>0.41666666666666669</v>
      </c>
      <c r="G29" s="28" t="s">
        <v>133</v>
      </c>
      <c r="H29" s="28" t="s">
        <v>154</v>
      </c>
      <c r="I29" s="28" t="s">
        <v>154</v>
      </c>
      <c r="J29" s="28" t="s">
        <v>154</v>
      </c>
      <c r="K29" s="28" t="s">
        <v>154</v>
      </c>
      <c r="L29" s="61" t="s">
        <v>13</v>
      </c>
      <c r="M29" s="58" t="s">
        <v>13</v>
      </c>
      <c r="N29" s="61" t="s">
        <v>156</v>
      </c>
      <c r="O29" s="60" t="s">
        <v>157</v>
      </c>
      <c r="P29" s="92" t="s">
        <v>17</v>
      </c>
    </row>
    <row r="30" spans="1:17" x14ac:dyDescent="0.15">
      <c r="A30" s="292"/>
      <c r="B30" s="11" t="s">
        <v>149</v>
      </c>
      <c r="C30" s="22"/>
      <c r="D30" s="22"/>
      <c r="E30" s="65"/>
      <c r="F30" s="33"/>
      <c r="G30" s="2" t="s">
        <v>119</v>
      </c>
      <c r="H30" s="2" t="s">
        <v>155</v>
      </c>
      <c r="I30" s="2" t="s">
        <v>155</v>
      </c>
      <c r="J30" s="2" t="s">
        <v>155</v>
      </c>
      <c r="K30" s="2" t="s">
        <v>155</v>
      </c>
      <c r="L30" s="61"/>
      <c r="M30" s="60"/>
      <c r="N30" s="61"/>
      <c r="O30" s="60"/>
      <c r="P30" s="92"/>
    </row>
    <row r="31" spans="1:17" x14ac:dyDescent="0.15">
      <c r="A31" s="292"/>
      <c r="B31" s="11"/>
      <c r="C31" s="22"/>
      <c r="D31" s="22"/>
      <c r="E31" s="65"/>
      <c r="F31" s="33"/>
      <c r="G31" s="2" t="s">
        <v>153</v>
      </c>
      <c r="H31" s="2" t="s">
        <v>154</v>
      </c>
      <c r="I31" s="2" t="s">
        <v>154</v>
      </c>
      <c r="J31" s="2" t="s">
        <v>154</v>
      </c>
      <c r="K31" s="2" t="s">
        <v>154</v>
      </c>
      <c r="L31" s="61"/>
      <c r="M31" s="60"/>
      <c r="N31" s="61"/>
      <c r="O31" s="60"/>
      <c r="P31" s="92"/>
    </row>
    <row r="32" spans="1:17" x14ac:dyDescent="0.15">
      <c r="A32" s="292"/>
      <c r="B32" s="11" t="s">
        <v>150</v>
      </c>
      <c r="C32" s="22"/>
      <c r="D32" s="22"/>
      <c r="E32" s="65"/>
      <c r="F32" s="33"/>
      <c r="G32" s="2"/>
      <c r="H32" s="2"/>
      <c r="I32" s="2"/>
      <c r="J32" s="2"/>
      <c r="K32" s="2"/>
      <c r="L32" s="32"/>
      <c r="M32" s="30"/>
      <c r="N32" s="32"/>
      <c r="O32" s="30"/>
      <c r="P32" s="90"/>
    </row>
    <row r="33" spans="1:16" ht="13.5" customHeight="1" x14ac:dyDescent="0.15">
      <c r="A33" s="292" t="s">
        <v>36</v>
      </c>
      <c r="B33" s="10" t="s">
        <v>31</v>
      </c>
      <c r="C33" s="13" t="s">
        <v>37</v>
      </c>
      <c r="D33" s="13" t="s">
        <v>37</v>
      </c>
      <c r="E33" s="46">
        <v>0.625</v>
      </c>
      <c r="F33" s="44">
        <v>0.4375</v>
      </c>
      <c r="G33" s="24" t="s">
        <v>80</v>
      </c>
      <c r="H33" s="2" t="s">
        <v>88</v>
      </c>
      <c r="I33" s="2" t="s">
        <v>88</v>
      </c>
      <c r="J33" s="2" t="s">
        <v>88</v>
      </c>
      <c r="K33" s="2" t="s">
        <v>88</v>
      </c>
      <c r="L33" s="59" t="s">
        <v>18</v>
      </c>
      <c r="M33" s="58" t="s">
        <v>17</v>
      </c>
      <c r="N33" s="59" t="s">
        <v>26</v>
      </c>
      <c r="O33" s="58" t="s">
        <v>33</v>
      </c>
      <c r="P33" s="89" t="s">
        <v>17</v>
      </c>
    </row>
    <row r="34" spans="1:16" x14ac:dyDescent="0.15">
      <c r="A34" s="292"/>
      <c r="B34" s="11" t="s">
        <v>32</v>
      </c>
      <c r="C34" s="22"/>
      <c r="D34" s="22"/>
      <c r="E34" s="47"/>
      <c r="F34" s="48"/>
      <c r="G34" s="27" t="s">
        <v>81</v>
      </c>
      <c r="H34" s="2" t="s">
        <v>89</v>
      </c>
      <c r="I34" s="2" t="s">
        <v>89</v>
      </c>
      <c r="J34" s="2" t="s">
        <v>89</v>
      </c>
      <c r="K34" s="2" t="s">
        <v>89</v>
      </c>
      <c r="L34" s="61"/>
      <c r="M34" s="60"/>
      <c r="N34" s="61"/>
      <c r="O34" s="60"/>
      <c r="P34" s="92"/>
    </row>
    <row r="35" spans="1:16" x14ac:dyDescent="0.15">
      <c r="A35" s="292"/>
      <c r="B35" s="12" t="s">
        <v>61</v>
      </c>
      <c r="C35" s="23"/>
      <c r="D35" s="23"/>
      <c r="E35" s="40"/>
      <c r="F35" s="34"/>
      <c r="G35" s="2" t="s">
        <v>82</v>
      </c>
      <c r="H35" s="2" t="s">
        <v>90</v>
      </c>
      <c r="I35" s="2" t="s">
        <v>90</v>
      </c>
      <c r="J35" s="2" t="s">
        <v>90</v>
      </c>
      <c r="K35" s="2" t="s">
        <v>90</v>
      </c>
      <c r="L35" s="52"/>
      <c r="M35" s="31"/>
      <c r="N35" s="52"/>
      <c r="O35" s="31"/>
      <c r="P35" s="91"/>
    </row>
    <row r="36" spans="1:16" x14ac:dyDescent="0.15">
      <c r="A36" s="292"/>
      <c r="B36" s="10" t="s">
        <v>63</v>
      </c>
      <c r="C36" s="14" t="s">
        <v>65</v>
      </c>
      <c r="D36" s="7" t="s">
        <v>66</v>
      </c>
      <c r="E36" s="43">
        <v>0.66666666666666663</v>
      </c>
      <c r="F36" s="44">
        <v>0.41666666666666669</v>
      </c>
      <c r="G36" s="2" t="s">
        <v>67</v>
      </c>
      <c r="H36" s="2" t="s">
        <v>89</v>
      </c>
      <c r="I36" s="2" t="s">
        <v>89</v>
      </c>
      <c r="J36" s="2" t="s">
        <v>89</v>
      </c>
      <c r="K36" s="2" t="s">
        <v>89</v>
      </c>
      <c r="L36" s="59" t="s">
        <v>18</v>
      </c>
      <c r="M36" s="58" t="s">
        <v>17</v>
      </c>
      <c r="N36" s="58" t="s">
        <v>26</v>
      </c>
      <c r="O36" s="53"/>
      <c r="P36" s="89" t="s">
        <v>101</v>
      </c>
    </row>
    <row r="37" spans="1:16" x14ac:dyDescent="0.15">
      <c r="A37" s="292"/>
      <c r="B37" s="11" t="s">
        <v>64</v>
      </c>
      <c r="C37" s="20"/>
      <c r="D37" s="9"/>
      <c r="E37" s="36"/>
      <c r="F37" s="33"/>
      <c r="G37" s="2" t="s">
        <v>60</v>
      </c>
      <c r="H37" s="2" t="s">
        <v>90</v>
      </c>
      <c r="I37" s="2" t="s">
        <v>90</v>
      </c>
      <c r="J37" s="2" t="s">
        <v>90</v>
      </c>
      <c r="K37" s="2" t="s">
        <v>90</v>
      </c>
      <c r="L37" s="61"/>
      <c r="M37" s="60"/>
      <c r="N37" s="60"/>
      <c r="O37" s="54"/>
      <c r="P37" s="90"/>
    </row>
    <row r="38" spans="1:16" x14ac:dyDescent="0.15">
      <c r="A38" s="292"/>
      <c r="B38" s="12" t="s">
        <v>62</v>
      </c>
      <c r="C38" s="28"/>
      <c r="D38" s="16"/>
      <c r="E38" s="38"/>
      <c r="F38" s="34"/>
      <c r="G38" s="25" t="s">
        <v>147</v>
      </c>
      <c r="H38" s="2" t="s">
        <v>88</v>
      </c>
      <c r="I38" s="2" t="s">
        <v>88</v>
      </c>
      <c r="J38" s="2" t="s">
        <v>88</v>
      </c>
      <c r="K38" s="2" t="s">
        <v>88</v>
      </c>
      <c r="L38" s="52"/>
      <c r="M38" s="31"/>
      <c r="N38" s="31"/>
      <c r="O38" s="55"/>
      <c r="P38" s="91"/>
    </row>
    <row r="39" spans="1:16" x14ac:dyDescent="0.15">
      <c r="A39" s="292"/>
      <c r="B39" s="10" t="s">
        <v>104</v>
      </c>
      <c r="C39" s="14" t="s">
        <v>106</v>
      </c>
      <c r="D39" s="7" t="s">
        <v>107</v>
      </c>
      <c r="E39" s="43">
        <v>0.64583333333333337</v>
      </c>
      <c r="F39" s="46">
        <v>0.41666666666666669</v>
      </c>
      <c r="G39" s="2" t="s">
        <v>108</v>
      </c>
      <c r="H39" s="2" t="s">
        <v>88</v>
      </c>
      <c r="I39" s="2" t="s">
        <v>88</v>
      </c>
      <c r="J39" s="2" t="s">
        <v>88</v>
      </c>
      <c r="K39" s="15" t="s">
        <v>97</v>
      </c>
      <c r="L39" s="66" t="s">
        <v>13</v>
      </c>
      <c r="M39" s="58" t="s">
        <v>17</v>
      </c>
      <c r="N39" s="58" t="s">
        <v>26</v>
      </c>
      <c r="O39" s="58" t="s">
        <v>112</v>
      </c>
      <c r="P39" s="89" t="s">
        <v>113</v>
      </c>
    </row>
    <row r="40" spans="1:16" x14ac:dyDescent="0.15">
      <c r="A40" s="292"/>
      <c r="B40" s="11" t="s">
        <v>105</v>
      </c>
      <c r="C40" s="4"/>
      <c r="D40" s="5"/>
      <c r="E40" s="64"/>
      <c r="F40" s="47"/>
      <c r="G40" s="2" t="s">
        <v>109</v>
      </c>
      <c r="H40" s="22" t="s">
        <v>111</v>
      </c>
      <c r="I40" s="22" t="s">
        <v>111</v>
      </c>
      <c r="J40" s="22" t="s">
        <v>111</v>
      </c>
      <c r="K40" s="15" t="s">
        <v>97</v>
      </c>
      <c r="L40" s="39"/>
      <c r="M40" s="36"/>
      <c r="N40" s="33"/>
      <c r="O40" s="36"/>
      <c r="P40" s="94"/>
    </row>
    <row r="41" spans="1:16" x14ac:dyDescent="0.15">
      <c r="A41" s="292"/>
      <c r="B41" s="12" t="s">
        <v>62</v>
      </c>
      <c r="C41" s="104"/>
      <c r="D41" s="105"/>
      <c r="E41" s="38"/>
      <c r="F41" s="40"/>
      <c r="G41" s="15" t="s">
        <v>110</v>
      </c>
      <c r="H41" s="2" t="s">
        <v>89</v>
      </c>
      <c r="I41" s="2" t="s">
        <v>89</v>
      </c>
      <c r="J41" s="2" t="s">
        <v>89</v>
      </c>
      <c r="K41" s="15" t="s">
        <v>97</v>
      </c>
      <c r="L41" s="37"/>
      <c r="M41" s="38"/>
      <c r="N41" s="34"/>
      <c r="O41" s="38"/>
      <c r="P41" s="106"/>
    </row>
    <row r="42" spans="1:16" x14ac:dyDescent="0.15">
      <c r="A42" s="292"/>
      <c r="B42" s="114" t="s">
        <v>162</v>
      </c>
      <c r="C42" s="9" t="s">
        <v>164</v>
      </c>
      <c r="D42" s="14" t="s">
        <v>165</v>
      </c>
      <c r="E42" s="67">
        <v>0.625</v>
      </c>
      <c r="F42" s="43">
        <v>0.45833333333333331</v>
      </c>
      <c r="G42" s="107" t="s">
        <v>166</v>
      </c>
      <c r="H42" s="2" t="s">
        <v>169</v>
      </c>
      <c r="I42" s="2" t="s">
        <v>169</v>
      </c>
      <c r="J42" s="2" t="s">
        <v>169</v>
      </c>
      <c r="K42" s="2" t="s">
        <v>169</v>
      </c>
      <c r="L42" s="66" t="s">
        <v>13</v>
      </c>
      <c r="M42" s="58" t="s">
        <v>13</v>
      </c>
      <c r="N42" s="59" t="s">
        <v>171</v>
      </c>
      <c r="O42" s="58" t="s">
        <v>27</v>
      </c>
      <c r="P42" s="89" t="s">
        <v>17</v>
      </c>
    </row>
    <row r="43" spans="1:16" x14ac:dyDescent="0.15">
      <c r="A43" s="292"/>
      <c r="B43" s="115" t="s">
        <v>163</v>
      </c>
      <c r="C43" s="5"/>
      <c r="D43" s="4"/>
      <c r="E43" s="33"/>
      <c r="F43" s="36"/>
      <c r="G43" s="107" t="s">
        <v>60</v>
      </c>
      <c r="H43" s="2" t="s">
        <v>170</v>
      </c>
      <c r="I43" s="2" t="s">
        <v>170</v>
      </c>
      <c r="J43" s="2" t="s">
        <v>170</v>
      </c>
      <c r="K43" s="2" t="s">
        <v>170</v>
      </c>
      <c r="L43" s="108"/>
      <c r="M43" s="60"/>
      <c r="N43" s="61"/>
      <c r="O43" s="60"/>
      <c r="P43" s="92"/>
    </row>
    <row r="44" spans="1:16" x14ac:dyDescent="0.15">
      <c r="A44" s="292"/>
      <c r="B44" s="115"/>
      <c r="C44" s="5"/>
      <c r="D44" s="4"/>
      <c r="E44" s="33"/>
      <c r="F44" s="36"/>
      <c r="G44" s="107" t="s">
        <v>167</v>
      </c>
      <c r="H44" s="2" t="s">
        <v>170</v>
      </c>
      <c r="I44" s="2" t="s">
        <v>170</v>
      </c>
      <c r="J44" s="2" t="s">
        <v>170</v>
      </c>
      <c r="K44" s="2" t="s">
        <v>170</v>
      </c>
      <c r="L44" s="108"/>
      <c r="M44" s="60"/>
      <c r="N44" s="61"/>
      <c r="O44" s="60"/>
      <c r="P44" s="92"/>
    </row>
    <row r="45" spans="1:16" ht="14.25" thickBot="1" x14ac:dyDescent="0.2">
      <c r="A45" s="293"/>
      <c r="B45" s="78" t="s">
        <v>172</v>
      </c>
      <c r="C45" s="79"/>
      <c r="D45" s="78"/>
      <c r="E45" s="96"/>
      <c r="F45" s="95"/>
      <c r="G45" s="109" t="s">
        <v>168</v>
      </c>
      <c r="H45" s="77" t="s">
        <v>170</v>
      </c>
      <c r="I45" s="77" t="s">
        <v>170</v>
      </c>
      <c r="J45" s="77" t="s">
        <v>170</v>
      </c>
      <c r="K45" s="77" t="s">
        <v>170</v>
      </c>
      <c r="L45" s="110"/>
      <c r="M45" s="111"/>
      <c r="N45" s="112"/>
      <c r="O45" s="111"/>
      <c r="P45" s="113"/>
    </row>
  </sheetData>
  <mergeCells count="4">
    <mergeCell ref="H1:K1"/>
    <mergeCell ref="L1:P1"/>
    <mergeCell ref="A3:A32"/>
    <mergeCell ref="A33:A45"/>
  </mergeCells>
  <phoneticPr fontId="1"/>
  <pageMargins left="0.39370078740157483" right="0.39370078740157483" top="0.74803149606299213" bottom="0.74803149606299213" header="0.31496062992125984" footer="0.31496062992125984"/>
  <pageSetup paperSize="9" scale="79" orientation="landscape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宿泊案内</vt:lpstr>
      <vt:lpstr>ホテルリスト</vt:lpstr>
      <vt:lpstr>宿泊案内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勇　正一</cp:lastModifiedBy>
  <cp:lastPrinted>2021-05-14T01:17:41Z</cp:lastPrinted>
  <dcterms:modified xsi:type="dcterms:W3CDTF">2021-05-14T01:18:05Z</dcterms:modified>
</cp:coreProperties>
</file>